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6. Renátka\495_2021 Servis a podpora  syst. TomoCon PACS\02. Príprava 495\04. PTK_495\01. Odoslanie PTK\"/>
    </mc:Choice>
  </mc:AlternateContent>
  <bookViews>
    <workbookView xWindow="0" yWindow="0" windowWidth="23040" windowHeight="9195"/>
  </bookViews>
  <sheets>
    <sheet name="Cenová ponuka" sheetId="8" r:id="rId1"/>
  </sheets>
  <definedNames>
    <definedName name="_xlnm.Print_Area" localSheetId="0">'Cenová ponuka'!$B$1:$F$34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0" uniqueCount="477">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 xml:space="preserve">1. </t>
  </si>
  <si>
    <t>xxx</t>
  </si>
  <si>
    <t>Položka č. 1 - Servis a podpora systémov TomoCon PACS</t>
  </si>
  <si>
    <t>Predmet zmluvy</t>
  </si>
  <si>
    <t xml:space="preserve">2. </t>
  </si>
  <si>
    <t xml:space="preserve">3. </t>
  </si>
  <si>
    <t xml:space="preserve">4. </t>
  </si>
  <si>
    <t>5.</t>
  </si>
  <si>
    <t>Dodávateľ garantuje časovú funkčnosť systémov v roku minimálne 99% (počet pracovných dní v roku je základným parametrom percentuálnej funkčnosti). Za nefunkčnosť systému sa nepovažuje čas potrebný na jeho pravidelnú prehliadku a údržbu. Za nefunkčnosť sa nepovažujú tie skutočnosti podmieňujúce funkčnosť systému/systémov, ktoré dodávateľ nemôže ovplyvniť, ako napríklad výpadky v dodávke elektrickej energie, nefunkčnosť, znížená funkčnosť alebo preukázateľná nefunkčnosť príslušnej IT infraštruktúry, ktorá má priamy vplyv na funkčnosť systému, ďalej zakázané, neprimerané a nekompetentné zásahy do systému zo strany miestnej obsluhy alebo opomenutie predpísaných relevantných činností zo strany miestnej obsluhy alebo nevykonanie odôvodnených miestnych technických a organizačných opatrení na predchádzanie nefunkčnosti systému.</t>
  </si>
  <si>
    <t>3.</t>
  </si>
  <si>
    <t>4.</t>
  </si>
  <si>
    <t>Objednávateľ zaistí všestrannú súčinnosť a dostupnosť systému pre diaľkový servis porúch, podľa možností objednávateľa aj v mimopracovných hodinách. Objednávateľ zaistí fyzickú súčinnosť a fyzickú dostupnosť systému pre servis porúch v sídle objednávateľa i v mimopracovných hodinách. Objednávateľ zaistí pre PACS server podsystém pre trvalé sledovanie a diaľkový prístup a pripojenie na internet.</t>
  </si>
  <si>
    <t>6.</t>
  </si>
  <si>
    <t>Pri servise systému prostredníctvom diaľkového prístupu dodávateľ dodržiava všetky stanovené bezpečnostné zásady. Ak dodávateľ spôsobí objednávateľovi hrubým porušením tejto povinnosti škodu, je povinný ju bez zbytočného omeškania napraviť.</t>
  </si>
  <si>
    <t>7.</t>
  </si>
  <si>
    <t>8.</t>
  </si>
  <si>
    <t>Cena a platobné podmienky</t>
  </si>
  <si>
    <t>Komplexný systém SW TomoCon® PACS (ďalej tiež „systém“) umožňuje nasledujúce funkcie:</t>
  </si>
  <si>
    <t>a) správu, archiváciu, zálohovanie a prenos obrazovej zdravotníckej dokumentácie v rámci systému podľa normy STN EN 12052:2011 (DICOM),</t>
  </si>
  <si>
    <t>b) digitálnu rádiologickú diagnostiku vyšetrení/DICOM štúdií z daných modalít na diagnostických staniciach TomoCon, aktuálna verzia,</t>
  </si>
  <si>
    <t>c) distribúciu digitálnej obrazovej dokumentácie všetkým autorizovaným používateľom v rámci miestnych počítačových sietí (LAN) objednávateľa,</t>
  </si>
  <si>
    <t>d) pripojenie systémov TomoCon PACS k službám Telerádiologického Komunikačného centra T3C za účelom diaľkového prenosu obrazovej zdravotnej dokumentácie v norme DICOM do/z iných zdravotníckych zariadení (výlučne pripojenie sa do služieb T3C, mimo poplatkov za pripojenie sa na Internet a poplatkov za prenesené objemy dát),</t>
  </si>
  <si>
    <t>e) vizualizáciu snímok na pracovných staniciach, podľa funkčnosti aktuálnych verzií najmä: dvojrozmerná, MPR, trojrozmerná, štandardné rádiologické operácie, nastavenie optických parametrov, zväčšenie, posuv, prehrávanie sekvencií, inverzné zobrazenie, mód pre dotykové monitory, interpolácie, filtre, anotácie, výber textovej sprievodnej informácie,</t>
  </si>
  <si>
    <t>f) CT/MR/PT korelácie, fúzie a zobrazenia – automatické iba na staniciach TomoCon Advanced Station,</t>
  </si>
  <si>
    <t>g) archiváciu, dokumentáciu a tlač DICOM štruktúrovaných popisov,</t>
  </si>
  <si>
    <t>h) možnosť neskoršej konfigurácie a tlače digitálnej obrazovej dokumentácie na filmy,</t>
  </si>
  <si>
    <t>i) možnosť archivácie digitálnej obrazovej dokumentácie na CD/DVD s pridaním Lite verzie SW prehliadača na staniciach TomoCon Station s aktuálne podporovanými operačnými systémami Microsoft Windows, aktuálne: Windows 7 SP1, Windows 8.1, Windows 10 a následnými podporovanými verziami OS,</t>
  </si>
  <si>
    <t>j) monitorovanie a diaľkovú správu systému.</t>
  </si>
  <si>
    <t>Predmetom pravidelnej kontroly je najmä kontrola nastavení a funkcie systémov a ďalšie preventívne zásahy za účelom predchádzania výskytu porúch systémov.</t>
  </si>
  <si>
    <t xml:space="preserve">Pravidelnú kontrolu systémov vykonáva dodávateľ minimálne 1x ročne v predmetnom pracovisku objednávateľa (táto môže byť v rámci servisného zásahu) a každý pracovný týždeň diaľkovým prístupom, ak mu to správca systému/systémov objednávateľa povolí. </t>
  </si>
  <si>
    <t>60 minút v pracovnom čase - pracovných dňoch od 8:00 do 16:00, diaľkovým prístupom,</t>
  </si>
  <si>
    <t>120 minút v ostatnom čase, diaľkovým prístupom,</t>
  </si>
  <si>
    <t>V odôvodnených prípadoch môžu byť s písomným/e-mail súhlasom objednávateľa tieto lehoty primerane predĺžené.</t>
  </si>
  <si>
    <t>Servis a podpora systémov TomoCon PACS</t>
  </si>
  <si>
    <t>Zmluva o poskytnutí služieb</t>
  </si>
  <si>
    <r>
      <rPr>
        <sz val="10"/>
        <color theme="1"/>
        <rFont val="Arial"/>
        <family val="2"/>
        <charset val="238"/>
      </rPr>
      <t>Príloha č. 3</t>
    </r>
    <r>
      <rPr>
        <b/>
        <sz val="10"/>
        <color theme="1"/>
        <rFont val="Arial"/>
        <family val="2"/>
        <charset val="238"/>
      </rPr>
      <t xml:space="preserve"> - Zmluva o zabezpečení plnenia bezpečnostných opatrení a notifikačných povinností podľa zákona č. 69/2018 Z. z. o kybernetickej bezpečnosti a o zmene a doplnení niektorých zákonov v znení neskorších predpisov</t>
    </r>
  </si>
  <si>
    <t>Podpora, servis a softvérové aktualizácie komplexných softvérových a hardvérových systémov vo vlastníctve objednávateľa (ďalej len „systémy“), ktoré sú špecifikované v bode 2 tohto článku zmluvy, a to v rozsahu a za podmienok dohodnutých touto zmluvou</t>
  </si>
  <si>
    <t>Komplexné softvérové a hardvérové systémy podľa bodu 1 tohto článku zmluvy predstavujú:</t>
  </si>
  <si>
    <t>TomoCon® PACS, vrátane služieb Telerádiologického komunikačného centra T3C,</t>
  </si>
  <si>
    <t>diagnostické stanice TomoCon Viewer,</t>
  </si>
  <si>
    <t>klinický webový prehliadač TomoCon Go,</t>
  </si>
  <si>
    <t xml:space="preserve">Podpora podľa tejto zmluvy zahŕňa udržiavanie správnej funkčnosti systémov uvedených v bode 2 tohto článku zmluvy a v súlade s príslušnými manuálmi k systémom. </t>
  </si>
  <si>
    <t xml:space="preserve">Podpora ďalej zahŕňa odstraňovanie porúch systémov, pravidelnú kontrolu systémov a konzultácie. </t>
  </si>
  <si>
    <t>Odstraňovanie porúch systému vykonáva dodávateľ na základe požiadavky vznesenej objednávateľom podľa bodu 10 tohto článku zmluvy, a to podľa závažnosti poruchy buď diaľkovým prístupom alebo servisným zásahom v predmetnom pracovisku objednávateľa.</t>
  </si>
  <si>
    <t>Konzultácie znamenajú možnosť správcu systému/systémov objednávateľa klásť dodávateľovi e-mailom, telefonicky alebo listom otázky, ktoré sa týkajú prevádzky a funkčnosti systému/systémov, pričom dodávateľ je povinný tieto otázky zodpovedať bez zbytočného omeškania a to všetko v pracovných dňoch od 8.00 do 16:00 a pre podporu a odstraňovanie porúch systému TomoCon® PACS v režime 24/7.</t>
  </si>
  <si>
    <t>Aktualizácia systému podľa tejto zmluvy zahŕňa poskytnutie každej novej verzie SW systému a na základe požiadavky objednávateľa zaškolenie obsluhy systému v sídle objednávateľa pri každej aktualizácii.</t>
  </si>
  <si>
    <t>10.</t>
  </si>
  <si>
    <t>11.</t>
  </si>
  <si>
    <t>12.</t>
  </si>
  <si>
    <t>13.</t>
  </si>
  <si>
    <t>14.</t>
  </si>
  <si>
    <t>15.</t>
  </si>
  <si>
    <t>9.</t>
  </si>
  <si>
    <t xml:space="preserve">7. </t>
  </si>
  <si>
    <t xml:space="preserve">Cestovné a akékoľvek iné, resp. ďalšie náklady spojené s výkonom služieb, resp. s činnosťou servisného pracovníka počas výkonu služieb vykonávaných podľa tohto článku zmluvy, sú zahrnuté v cene služieb a z tohto dôvodu nie je dodávateľ oprávnený ich objednávateľovi samostatne fakturovať.   </t>
  </si>
  <si>
    <t>Pod poruchou podľa tejto zmluvy sa rozumie úplná nefunkčnosť systému a/alebo strata ľubovoľnej funkcionality uvedenej v bode 3 tohto článku zmluvy.</t>
  </si>
  <si>
    <t xml:space="preserve">Odstraňovanie porúch príslušného systému podľa bodu 4 tohto článku zmluvy vykonáva dodávateľ na základe písomnej požiadavky vznesenej objednávateľom e-mailom alebo listom a pre oprávnené osoby aj telefonicky. Dodávateľ sa zaväzuje potvrdiť doručenie písomnej požiadavky. </t>
  </si>
  <si>
    <t>Dodávateľ sa zaväzuje poruchu, ktorá bráni používaniu systému, odstrániť v čo najkratšej možnej lehote. Zahájiť odstránenia poruchy je dodávateľ povinný do:</t>
  </si>
  <si>
    <t>48 hodín na mieste, t. j. Východoslovenský ústav srdcových a cievnych chorôb, a. s., Ondavská 8, 040 11 Košice, (čas sa nepočíta počas dní pracovného pokoja) podľa potreby pri ohlásení poruchy, ktorú nie je schopný správca systému objednávateľa vyriešiť samostatne ani dodávateľ diaľkovým prístupom.</t>
  </si>
  <si>
    <t>Zmluvné strany sa dohodli, že dodávateľ je povinný poruchu odstrániť v čo najkratšom čase od nástupu na servis na mieste, za predpokladu funkčnej príslušnej IT infraštruktúry, ktorá má bezprostredný dopad na funkčnosť systému.</t>
  </si>
  <si>
    <t>Aktualizácie systémov poskytnuté dodávateľom podľa tejto zmluvy musia byť vždy klinicky overené a CE certifikované.</t>
  </si>
  <si>
    <t>Dodávateľ sa zaväzuje vykonávať servis systému po predchádzajúcej dohode s kontaktnou osobou objednávateľa a to tak, aby v čo najmenšej miere obmedzil prevádzku pracoviska.</t>
  </si>
  <si>
    <t xml:space="preserve">Po ukončení servisného zásahu môže dodávateľ vypísať protokol, v ktorom špecifikuje príčinu poruchy a navrhne objednávateľovi technické a organizačné opatrenia na ich predchádzanie. </t>
  </si>
  <si>
    <t>Systém vyhľadávania a zobrazovania vyšetrení.</t>
  </si>
  <si>
    <t>Dodávateľ sa zaväzuje vykonávať služby v dohodnutom rozsahu v súlade s touto zmluvou, platnou legislatívou, normami STN a EN a podľa pokynov objednávateľa.</t>
  </si>
  <si>
    <t>Cena za služby je dohodnutá v súlade so zákonom č. 18/1996 Z. z. o cenách a vyhláškou MF SR č. 87/1996 Z. z. a je maximálna a záväzná počas platnosti tejto zmluvy. Dodávateľ nie je oprávnený počas doby trvania  tejto zmluvy jednostranne upraviť dohodnutú cenu za služby.</t>
  </si>
  <si>
    <t>Celková cena za poskytnuté služby za celé obdobie trvania tohto zmluvného vzťahu je uvedená v Prílohe č. 1 - Kalkulácia ceny a návrh na plnenia kritéria na vyhodnotenie ponúk a bude objednávateľom hradená formou mesačných paušálnych odmien, resp. platieb.</t>
  </si>
  <si>
    <t xml:space="preserve">Objednávateľ zaplatí cenu za služby na základe faktúry vystavenej dodávateľom po dodaní služby. Dodávateľ je povinný vystaviť faktúru za poskytnuté služby v súlade s ustanovením §73 zákona č. 222/2004 Z. z. o dani z pridanej hodnoty, najneskôr však do piateho (5) pracovného dňa v kalendárnom mesiaci, nasledujúcom po mesiaci, v ktorom došlo k poskytnutiu služieb podľa tejto zmluvy. </t>
  </si>
  <si>
    <t>Splatnosť faktúry je šesťdesiat (60) kalendárnych dní odo dňa ich doručenia objednávateľovi. (§340b ods.5 zákona č. 513/1991 Zb. Obchodný zákonník v znení neskorších predpisov).  Faktúry musia mať náležitosti daňového dokladu v zmysle zák. č. 222/2004 Z. z. o dani z pridanej hodnoty a musia obsahovať číslo tejto zmluvy. Povinnou prílohou faktúry sú Servisné správy za služby vykonané v príslušnom fakturačnom období. V prípade, že faktúra nebude obsahovať uvedené náležitosti alebo povinné prílohy, kupujúci je oprávnený vrátiť ju predávajúcemu na opravu alebo doplnenie. V takom prípade nová lehota splatnosti faktúry začne plynúť až doručením opravenej, resp. doplnenej faktúry kupujúcemu.</t>
  </si>
  <si>
    <t>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t>
  </si>
  <si>
    <t>Úhradu ceny, resp. mesačných paušálnych odmien, resp. platieb vykoná objednávateľ výlučne bezhotovostne, bankovým prevodom na účet dodávateľa na základe faktúry elektronicky doručenej dodávateľom a to vždy za riadne a včas poskytnuté plnenie. Dodávateľ je povinný zaslať faktúru elektronicky na e - mailovú adresu: podateľňa@vusch.sk . Za deň splnenia peňažného záväzku sa považuje deň odpísania dlžnej sumy z účtu objednávateľa v prospech účtu dod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 je platný len za podmienky, že bol na takýto úkon udelený predchádzajúci písomný súhlas Ministerstva zdravotníctva SR.</t>
  </si>
  <si>
    <t xml:space="preserve">Výška paušálnej úhrady za poskytovanie služieb v konfigurácii systému u objednávateľa zahŕňa priemerný mesačný počet vyšetrení: 590 DX, 500 CT,  860 US, 580 XA.
Zmluvné strany sa dohodli, že v prípade ak počas trvania Zmluvy nedôjde k zvýšeniu počtu vyšetrení podľa tohto bodu Zmluvy o viac ako 10 %, alebo nenastane rozšírenie systému o ďalší typ DICOM modality, ktorý nie je uvedený v tomto bode tejto Zmluvy, výška paušálnej úhrady za poskytovanie služieb podľa tejto zmluvy zostáva zachovaná
</t>
  </si>
  <si>
    <t>4</t>
  </si>
  <si>
    <t>Sankcie a zodpovednosť za škodu</t>
  </si>
  <si>
    <t>3</t>
  </si>
  <si>
    <t>V prípade omeškania dodávateľa so splnením niektorej povinnosti podľa tejto zmluvy, je objednávateľ oprávnený vyúčtovať dodávateľovi zmluvnú pokutu vo výške 0,04 % z ročnej ceny služieb servisnej starostlivosti za každý deň omeškania.</t>
  </si>
  <si>
    <t>V prípade omeškania objednávateľa s úhradou faktúry je dodávateľ oprávnený účtovať úrok z omeškania maximálne vo výške 0,04 % z dlžnej čiastky za každý deň omeškani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 je platný len za podmienky, že bol na takýto úkon udelený predchádzajúci písomný súhlas Ministerstva zdravotníctva SR.</t>
  </si>
  <si>
    <t>Uhradením zmluvnej pokuty nezaniká nárok objednávateľa na náhradu škody.</t>
  </si>
  <si>
    <t>Zmluvné strany si vzájomne zodpovedajú za škody vzniknuté v dôsledku porušenia ich povinností vyplývajúce z tejto zmluvy. Ani jedna zmluvná strana nemá právo na náhradu ušlého zisku.</t>
  </si>
  <si>
    <t xml:space="preserve">Za okolnosti vylučujúce zodpovednosť sa považuje prekážka, ktorá nastala nezávisle od vôle povinnej strany a bráni jej v splnení jej povinnosti, ak nemožno rozumne predpokladať, že by povinná strana túto prekážku alebo jej následky odvrátila alebo prekonala, a ďalej, že by v čase vzniku záväzku túto prekážku predvídala. Zodpovednosť však nevylučuje prekážka, ktorá vznikla až v čase, keď povinná strana bola v omeškaní s plnením svojej povinnosti alebo vznikla z jej hospodárskych pomerov. Účinky vylučujúce zodpovednosť sú obmedzené iba na dobu, dokiaľ trvá prekážka, s ktorou sú tieto účinky spojené. Na účely tejto zmluvy sa za okolnosti vylučujúce zodpovednosť považujú najmä prípady podľa zákona č. 227/2002 Z. z. o bezpečnosti štátu v čase vojny, vojnového stavu, výnimočného stavu a núdzového stavu, ako aj napr. štrajk, epidémia, požiar, prírodná katastrofa, povstanie, zabavenie resp. embargo produktov objektívne potrebných pre poskytovanie predmetu plnenia, nezavinená regulácia odberu elektrickej energie. </t>
  </si>
  <si>
    <t>Poškodená strana, resp. oprávnená strana nemá nárok na náhradu škody, ak nesplnenie povinnosti povinnej strany bolo spôsobené okolnosťou vylučujúcou zodpovednosť, porušením povinností poškodenou stranou alebo nedostatkom súčinnosti, na ktorú bola poškodená strana povinná.</t>
  </si>
  <si>
    <t>Tá zmluvná strana, ktorá sa odvoláva na okolnosti vylučujúce zodpovednosť, je povinný to oznámiť  druhej  zmluvnej strane najneskôr do piatich (5) kalendárnych dní od vzniku tejto skutočnosti a môže požiadať o prípadnú úpravu podmienok tejto zmluvy. Na požiadanie zmluvnej strany, ktorej boli avizované okolnosti vylučujúce zodpovednosť, je povinný oznamovateľ predložiť hodnoverný dôkaz. Ak nedôjde k dohode, má zmluvná strana, ktorá sa odvolal na vyššiu moc, právo odstúpiť od tejto zmluvy.</t>
  </si>
  <si>
    <t>Zmluvná strana, ktorá porušuje svoju povinnosť alebo ktorý s prihliadnutím na všetky okolnosti má vedieť alebo mohol vedieť, že poruší svoju povinnosť, je povinný oznámiť druhej zmluvnej strane povahu prekážky, ktorá mu bráni alebo bude brániť v plnení jeho povinností, ako aj o jeho dôsledkoch tohto porušenia, a to písomne bez zbytočného odkladu po tom, čo sa o prekážke dozvedel alebo pri náležitej starostlivosti mohol dozvedieť.</t>
  </si>
  <si>
    <t>Zmluvná strana, ktorej bezprostredne hrozí škoda, je povinný s prihliadnutím na okolnosti prípadu vykonať všetky opatrenia na odvrátenie škody alebo na jej zmiernenie. Zmluvná strana, ktorá bezprostrednú hrozbu škody spôsobila, musí nahradiť náklady, ktoré vznikli druhej zmluvnej strane pri odvracaní bezprostredne hroziacej škody alebo pri zmiernení jej následkov.</t>
  </si>
  <si>
    <t>5</t>
  </si>
  <si>
    <t>Osobitné ustanovenia</t>
  </si>
  <si>
    <t xml:space="preserve">Zmluvné strany sa zaväzujú oznámiť si navzájom akékoľvek zmeny údajov dôležitých pre bezproblémové plnenie zmluvy, a to najmä údajov uvedených v úvode tejto zmluvy. </t>
  </si>
  <si>
    <t xml:space="preserve">Dodávateľ sa zaväzuje, že: 
a) nevyužije akékoľvek informácie, ktoré zistí alebo s prihliadnutím na okolnosti by mohol zistiť pri plnení predmetu tejto zmluvy vo svoj prospech, ani v prospech tretích osôb, počas trvania tohto zmluvného vzťahu, a ani po ukončení platnosti tejto zmluvy,
b) informácie a podklady poskytnuté objednávateľom alebo tretími osobami pre plnenie predmetu tejto zmluvy nepoužije na iný účel ako je plnenie tejto zmluvy.
</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objednávateľa zodpovedá za škodu, ktorá objednávateľovi vznikla porušením tejto povinnosti.</t>
  </si>
  <si>
    <t>Dodávateľ sa zaväzuje dodržiavať etické zásady objednávateľa uvedené v Etickom kódexe obchodných partnerov spoločnosti Východoslovenský ústav srdcových a cievnych chorôb, a. s. (ďalej len "Etický kódex") zverejnenom na webovom sídle objednávateľa www.vusch.sk , pričom v prípade zistenia, že objednávateľ Etický kódex porušuje, je objednávateľ oprávnený zmluvu v 1-mesačnej výpovednej lehote vypovedať. Výpovedná lehota začína plynúť prvým (1.) kalendárnym dňom mesiaca, nasledujúcom po mesiaci, v ktorom bola písomná výpoveď objednávateľa doručená dodávateľovi a skončí sa uplynutím posledného kalendárneho dňa príslušného mesiaca.</t>
  </si>
  <si>
    <t>6</t>
  </si>
  <si>
    <t>Zmluva sa uzatvára na dobu určitú, na obdobie tridsaťšesť (36) mesiacov od nadobudnutia účinnosti tejto zmluvy, bez možnosti jej ďalšieho predĺženia.</t>
  </si>
  <si>
    <t xml:space="preserve">Pred uplynutím dohodnutej doby trvania zmluvného vzťahu je možné ukončiť zmluvu: </t>
  </si>
  <si>
    <t>2.1</t>
  </si>
  <si>
    <t>2</t>
  </si>
  <si>
    <t>2.1.</t>
  </si>
  <si>
    <t>2.2.</t>
  </si>
  <si>
    <t>2.3.</t>
  </si>
  <si>
    <t>písomnou dohodou zmluvných strán podpísanou oboma zmluvnými stranami k dátumu stanovenému v tejto písomnej dohode,</t>
  </si>
  <si>
    <t xml:space="preserve"> písomným odstúpením od zmluvy z dôvodov uvedených v tejto zmluve alebo ak druhá zmluvná strana nesplnila riadne a včas svoje záväzky podľa tejto zmluvy a ak k náprave nedošlo v dodatočne poskytnutej lehote tridsiatich (30) kalendárnych dní od doručenia písomného upozornenia zaslaného druhou zmluvnou stranou. Odstúpenie od zmluvy je účinné dňom doručenia písomného odstúpenia od zmluvy druhej zmluvnej strane a týmto dňom zmluva zaniká,</t>
  </si>
  <si>
    <t xml:space="preserve"> písomnou výpoveďou niektorej zo zmluvných strán, aj bez udania dôvodu. Výpovedná lehota je tri (3) mesiace a začína plynúť prvým dňom mesiaca nasledujúceho po mesiaci, v ktorom bola výpoveď doručená druhej zmluvnej strane.</t>
  </si>
  <si>
    <t>7</t>
  </si>
  <si>
    <t>Subdodávky</t>
  </si>
  <si>
    <t>Trvanie zmluvy a ukončnie zmluvného vzťahu</t>
  </si>
  <si>
    <t>1</t>
  </si>
  <si>
    <t>V prípade, ak dodávateľ zabezpečuje časť plnenia predmetu zmluvy prostredníctvom svojich subdodávateľov, zodpovedá za riadne plnenie predmetu zmluvy tak, akoby ho zabezpečil v celom rozsahu sám.</t>
  </si>
  <si>
    <t>Dodávateľ garantuje spôsobilosť subdodávateľov pre plnenie predmetu zmluvy.</t>
  </si>
  <si>
    <t>Dodávateľ je povinný objednávateľovi oznámiť akúkoľvek zmenu údajov o subdodávateľovi. Za týmto účelom je povinný najneskôr v deň,  ktorý predchádza dňu účinnosti akejkoľvek zmeny údajov o subdodávateľovi, aktualizovať znenie Prílohy č. 2 tejto zmluvy – Zoznam známych subdodávateľov a podiel subdodávok a doručiť ju objednávateľovi spolu s písomným oznámením, v ktorom uvedie všetky podrobnosti týkajúce sa zmeny údajov o subdodávateľovi, pričom zmluvné strany sa zároveň výslovne dohodli, že pre prijatie takejto zmeny sa nevyžaduje uzavretie samostatného písomného dodatku</t>
  </si>
  <si>
    <t>Dodávateľ má právo na zmenu resp. na doplnenie nového subdodávateľa vo vzťahu k plneniu predmetu zmluvy, ktorého sa táto zmluva týka.</t>
  </si>
  <si>
    <t>Ak dodávateľ zmení, resp. doplní nového subdodávateľa je povinný najneskôr v deň, ktorý predchádza dňu účinnosti tejto zmeny aktualizovať znenie Prílohy č. 2 tejto zmluvy a doručiť ju objednávateľovi spolu s písomným oznámením, v ktorom uvedie všetky podrobnosti týkajúce sa zmeny, resp. doplnenia nového subdodávateľa, pričom zmluvné strany sa zároveň výslovne dohodli, že pre prijatie zmeny, resp. doplnenie nového subdodávateľa sa nevyžaduje uzavretie samostatného písomného dodatku. Nedodržanie povinností stanovených dodávateľom týmto ustanovením zmluvy sa považuje za podstatné porušenie zmluvných podmienok predávajúcim a zakladá právo objednávateľa odstúpiť od tejto zmluvy. Dodávateľ je zároveň povinný nahradiť škodu, ktorá  vznikla objednávateľovi  porušením tejto povinnosti.</t>
  </si>
  <si>
    <t>V prípade zistenia, že subdodávateľ počas trvania tejto zmluvy nie je v súlade s ust. § 11 ods.1 zákona o verejnom obstarávaní zapísaný v registri partnerov verejného sektora (v prípade, ak  je to relevantné), je objednávateľ oprávnený od tejto zmluvy odstúpiť.</t>
  </si>
  <si>
    <t>Dodávateľ je povinný na požiadanie objednávateľa predložiť objednávateľovi všetky zmluvy uzavreté so subdodávateľmi v súvislosti s plnením podľa tejto zmluvy.</t>
  </si>
  <si>
    <t>8</t>
  </si>
  <si>
    <t>Záverečné ustanovenia zmluvy</t>
  </si>
  <si>
    <t xml:space="preserve">Zmluva nadobúda platnosť dňom jej podpisu oboma zmluvnými stranami a účinnosť prvým dňom nasledujúceho po dni jej zverejnenia v Centrálnom registri zmlúv. </t>
  </si>
  <si>
    <t>Jednotlivé ustanovenia tejto zmluvy môžu meniť byť menené, dopĺňané alebo zrušené iba v prípade, ak nebudú v rozpore s platnými všeobecne záväznými právnymi predpismi (najmä zákonom o verejnom obstarávaní), písomnou formou po vzájomnej dohode zmluvných strán formou číslovaných dodatkov, ktoré budú podpísané zmluvnými stranami a budú tvoriť neoddeliteľnú súčasť tejto zmluvy.</t>
  </si>
  <si>
    <t>Právne vzťahy zmluvných strán založené touto zmluvou, ak ich zmluva výslovne neupravuje inak, sa riadia príslušnými ustanoveniami Obchodného zákonníka a ostatných platných právnych predpisov Slovenskej republiky.</t>
  </si>
  <si>
    <t>V prípade, ak niektoré ustanovenia tejto zmluvy sú neplatnými už v čase jej uzavretia, alebo ak sa stanú neplatnými neskôr po uzavretí zmluvy, nie je tým dotknutá platnosť ostatných ustanovení zmluvy. Namiesto neplatných ustanovení tejto zmluvy sa použijú ustanovenia zmluvy, ktoré sú obsahom a účelom najbližšie obsahu a účelu tejto zmluvy</t>
  </si>
  <si>
    <t>Zmluvné strany sa zaväzujú, že všetky spory vyplývajúce zo zmluvy sa budú riešiť predovšetkým formou dohody. Zmluvné strany sa dohodli, že vzťahy vzniknuté medzi nimi na základe zmluvy sa budú riadiť právnym poriadkom Slovenskej republiky. Prípadné spory, o ktorých sa zmluvné strany nedohodnú, budú postúpené na rozhodnutie vecne a miestne  príslušného súdu Slovenskej republiky stanoveného podľa sídla objednávateľa.</t>
  </si>
  <si>
    <t>Zmluva bola vyhotovená v piatich (5) exemplároch, pričom dodávateľ dostane dve (2) vyhotovenia a objednávateľ tri (3) vyhotovenia.</t>
  </si>
  <si>
    <t>ÚVODNÉ USTANOVENIA</t>
  </si>
  <si>
    <t>1.1</t>
  </si>
  <si>
    <t>1.2</t>
  </si>
  <si>
    <t>1.3</t>
  </si>
  <si>
    <t>1.4</t>
  </si>
  <si>
    <t>1.5</t>
  </si>
  <si>
    <t>1.6</t>
  </si>
  <si>
    <t>Spoločnosť Východoslovenský ústav srdcových a cievnych chorôb, a. s. je prevádzkovateľom základnej služby podľa zákona č. 69/2018 Z. z. o kybernetickej bezpečnosti a o zmene a doplnení niektorých zákonov v znení neskorších predpisov (ďalej len „zákon o kybernetickej bezpečnosti").</t>
  </si>
  <si>
    <t>Základnou službou prevádzkovateľa základnej služby je poskytovanie zdravotnej starostlivosti v segmente laboratórne služby.</t>
  </si>
  <si>
    <t>Dodávateľ uzatvára s prevádzkovateľom základnej služby zmluvu o zabezpečení plnenia bezpečnostných opatrení a notifikačných opatrení podľa zákona o kybernetickej bezpečnosti (ďalej len „zmluva"), ktorej predmet priamo súvisí s prevádzkou sietí a informačných systémov, ako sú definované v zákone o kybernetickej bezpečnosti, pre prevádzkovateľa základnej služby.</t>
  </si>
  <si>
    <t>Prevádzkovateľ základnej služby je povinný uzatvoriť s dodávateľom zmluvu o zabezpečení plnenia bezpečnostných opatrení a notifikačných povinností podľa zákona o kybernetickej bezpečnosti.</t>
  </si>
  <si>
    <t>Zmluva stanovuje základné úlohy a princípy spolupráce zmluvných strán s cieľom zabezpečiť kybernetickú bezpečnosť sietí a informačných systémov prevádzkovateľa základnej služby počas ich životného cyklu, predchádzať kybernetickým bezpečnostným incidentom, ktoré by sa mohli dotknúť sietí a informačných systémov prevádzkovateľa základnej služby, a minimalizovať vplyv kybernetických bezpečnostných incidentov na kontinuitu prevádzkovania základnej služby zo strany prevádzkovateľa základnej služby (ďalej len „ciele"), a to aj v spolupráci s dodávateľom.</t>
  </si>
  <si>
    <t>Plnenie povinností podľa tejto zmluvy zmluvnými stranami sa vyžaduje počas celej doby trvania zmluvy.</t>
  </si>
  <si>
    <t>PREDMET ZMLUVY</t>
  </si>
  <si>
    <t>2.2</t>
  </si>
  <si>
    <t>2.3</t>
  </si>
  <si>
    <t>2.4</t>
  </si>
  <si>
    <t>2.5</t>
  </si>
  <si>
    <t>2.6</t>
  </si>
  <si>
    <t>2.7</t>
  </si>
  <si>
    <t>2.8</t>
  </si>
  <si>
    <t>Pojmy používané v tejto zmluve majú význam im priradený v zákone o kybernetickej  bezpečnosti a jeho vykonávacích predpisoch.</t>
  </si>
  <si>
    <t>Dodávateľ je zároveň povinný dodržiavať bezpečnostné politiky prevádzkovateľa základnej služby, s ktorými ho prevádzkovateľ základnej služby písomne oboznámi. Dodávateľ vyhlasuje, že súhlasí s bezpečnostnými politikami prevádzkovateľa základnej služby.</t>
  </si>
  <si>
    <t>Dodávateľ je povinný prijímať a dodržiavať bezpečnostné opatrenia na úseku kybernetickej bezpečnosti v rozsahu uvedenom v tejto zmluve tak, aby boli naplnené ciele tejto zmluvy. Dodávateľ vyhlasuje, že súhlasí s bezpečnostnými opatreniami.</t>
  </si>
  <si>
    <t>Dodávateľ súhlasí s tým, že bezpečnostné politiky prevádzkovateľa základnej služby sa môžu priebežne meniť a dopĺňať tak, aby zodpovedali aktuálnym bezpečnostným opatreniam, aktuálnemu stavu sietí a informačných systémov prevádzkovateľa základnej služby a aktuálnym hrozbám dotýkajúcim sa dodávateľa, ktoré by mohli mať potenciálny nepriaznivý vplyv na základnú službu prevádzkovateľa základnej služby.</t>
  </si>
  <si>
    <t>Dodávateľ je povinný plniť notifikačné povinnosti na úseku kybernetickej bezpečnosti v rozsahu uvedenom v tejto zmluve tak, aby boli naplnené ciele tejto zmluvy.</t>
  </si>
  <si>
    <t>Dodávateľ vyhlasuje, že má všetko potrebné technické, technologické a personálne vybavenie, ktoré je potrebné na plnenie úloh vyplývajúcich z tejto zmluvy, a že má zavedené úlohy, procesy, role a technológie v organizačnej, personálnej a technickej oblasti, ktoré sú potrebné na napĺňanie cieľov tejto zmluvy.</t>
  </si>
  <si>
    <t>Plnenie povinností podľa tejto zmluvy tvorí integrálnu súčasť plnenia zo strany dodávateľa pre prevádzkovateľa základnej služby podľa zmluvy. Dodávateľ je povinný plniť povinnosti vyplývajúce z tejto zmluvy po celú dobu trvania zmluvy.</t>
  </si>
  <si>
    <t>Odplata za plnenie povinností dodávateľa podľa tejto zmluvy a náhrada všetkých nákladov vynaložených dodávateľom v súvislosti s plnením povinností dodávateľa podľa tejto zmluvy sú v plnom rozsahu zahrnuté v peňažnom plnení poskytovanom prevádzkovateľom základnej služby dodávateľovi podľa zmluvy a na žiadne ďalšie peňažné plnenia dodávateľ za plnenie povinností podľa tejto zmluvy o prevádzkovateľa základnej služby nemá nárok.</t>
  </si>
  <si>
    <t>PREVENCIA KYBERNETICKÝCH BEZPEČNOSTNÝCH INCIDENTOV</t>
  </si>
  <si>
    <t>3.1</t>
  </si>
  <si>
    <t>3.2</t>
  </si>
  <si>
    <t>3.3</t>
  </si>
  <si>
    <t>3.4</t>
  </si>
  <si>
    <t>3.5</t>
  </si>
  <si>
    <t>3.6</t>
  </si>
  <si>
    <t>3.7</t>
  </si>
  <si>
    <t>3.8</t>
  </si>
  <si>
    <t>Dodávateľ je povinný počas trvania tejto zmluvy mať technické, technologické a personálne vybavenie na úrovni potrebnej na riadne a včasné plnenie tejto zmluvy a mať zavedené úlohy, procesy, role a technológie v organizačnej, personálnej a technickej oblasti na úrovni potrebnej na efektívne napĺňanie cieľov tejto zmluvy.</t>
  </si>
  <si>
    <t>Dodávateľ je povinný doručiť prevádzkovateľovi základnej služby zoznam pracovných rolí dodávateľa, ktoré sa budú podieľať na plnení zmluvy a tejto zmluvy alebo budú mať prístup k informáciám prevádzkovateľa základnej služby, ktorý sa jeho doručením prevádzkovateľovi základnej služby stane súčasťou tejto zmluvy.</t>
  </si>
  <si>
    <t>Dodávateľ je povinný doručiť prevádzkovateľovi úplný zoznam svojich zamestnancov, ktorí sa budú podieľať na plnení zmluvy a tejto zmluvy alebo budú mať prístup k informáciám prevádzkovateľa základnej služby, a každú zmenu v personálnom obsadení je dodávateľ povinný prevádzkovateľovi základnej služby písomne oznámiť, pričom pre oznamovanie zmien sa použijú ustanovenia zmluvy o doručovaní.</t>
  </si>
  <si>
    <t>Dodávateľ je povinný stanoviť postupy plnenia svojich povinností podľa tejto zmluvy v bezpečnostnej dokumentácii, ktorá musí byť aktuálna a musí zodpovedať aktuálnemu stavu; bezpečnostnú dokumentáciu je na požiadanie povinný predložiť prevádzkovateľovi základnej služby na nahliadnutie a zhotovenie kópií.</t>
  </si>
  <si>
    <t>Dodávateľ je povinný prijať a dodržiavať všeobecné bezpečnostné opatrenia podľa STN 150/IEC 27002:2013 (Informačné technológie. Bezpečnostné metódy. Pravidlá dobrej praxe riadenia informačnej bezpečnosti.) v rozsahu špecifikovanom v bezpečnostných politikách prevádzkovateľa základnej služby.</t>
  </si>
  <si>
    <t>Dodávateľ je povinný prijať a dodržiavať bezpečnostné opatrenia v oblastiach podľa § 20 ods. 3 písm. e) f), h), j) a k) zákona o kybernetickej bezpečnosti v rozsahu podľa§ 8, 10, 12, 14 a 15 vyhlášky Národného bezpečnostného úradu č. 362/2018 Z. z., ktorou sa ustanovuje obsah bezpečnostných opatrení, obsah a štruktúr bezpečnostnej dokumentácie a rozsah všeobecných bezpečnostných opatrení, a v rozsahu špecifikovanom v bezpečnostných politikách prevádzkovateľa základnej služby.</t>
  </si>
  <si>
    <t>Dodávateľ je povinný prijať a dodržiavať sektorové bezpečnostné opatrenia v rozsahu špecifikovanom v bezpečnostných politikách prevádzkovateľa základnej služby.</t>
  </si>
  <si>
    <t>REAKTIVITA PRI RIEŠENÍ INCIDENTOV</t>
  </si>
  <si>
    <t>4.1</t>
  </si>
  <si>
    <t>4.2</t>
  </si>
  <si>
    <t>4.3</t>
  </si>
  <si>
    <t>4.4</t>
  </si>
  <si>
    <t>4.5</t>
  </si>
  <si>
    <t>4.6</t>
  </si>
  <si>
    <t>4.7</t>
  </si>
  <si>
    <t>4.8</t>
  </si>
  <si>
    <t>MLČANLIVOSŤ</t>
  </si>
  <si>
    <t>Dodávateľ je povinný bezodkladne hlásiť každý incident prevádzkovateľovi základnej služby spôsobom určeným prevádzkovateľom základnej služby, vrátane určenia stupňa jeho závažnosti, ktorý identifikuje na základe presiahnutia kritérií pre jednotlivé kategórie incidentov. Ak do okamihu hlásenia incidentu nepominuli jeho účinky, dodávateľ je povinný odoslať neúplné hlásenie incidentu, v ktorom vyznačí identifikátor neukončeného hlásenia, a bezodkladne po obnove riadnej prevádzky siete a informačného systému toto hlásenie doplní.</t>
  </si>
  <si>
    <t>Dodávateľ je povinný riešiť incidenty najmä odozvou alebo inou reakciou na incident, ohraničením incidentu a jeho dopadov, nápravou následkov incidentu, asistenciou pri riešení incidentu na mieste, reakciou na incident a podporou reakcií na incident (ďalej len „reaktívne opatrenie"). Pri riešení incidentov je dodávateľ povinný na žiadosť prevádzkovateľa základnej služby spolupracovať s prevádzkovateľom základnej služby, Národným bezpečnostným úradom a Ministerstvom zdravotníctva Slovenskej republiky a na tento účel im poskytnúť potrebnú súčinnosť a všetky informácie získané z vlastnej činnosti podľa tejto zmluvy alebo inak, ktoré by mohli byť dôležité pre riešenie incidentu.</t>
  </si>
  <si>
    <t>Dodávateľ je povinný v čase incidentu zabezpečiť dôkaz alebo dôkazný prostriedok tak, aby mohol byť použitý v trestnom konaní, a poskytnúť ho prevádzkovateľovi základnej služby.</t>
  </si>
  <si>
    <t>Dodávateľ je povinný oznámiť prevádzkovateľovi základnej služby skutočnosti, že v súvislosti s incidentom mohlo dôjsť k spáchaniu trestného činu.</t>
  </si>
  <si>
    <t>Dodávateľ je povinný bezodkladne oznámiť a preukázať prevádzkovateľovi základnej služby vykonanie reaktívneho opatrenia a jeho výsledok.</t>
  </si>
  <si>
    <t>Po vyriešení incidentu je dodávateľ na výzvu prevádzkovateľa základnej služby v určenej lehote povinný predložiť prevádzkovateľovi základnej služby návrh opatrení na zabránenie ďalšieho pokračovania, šírenia a opakovaného výskytu incidentu (ďalej len „ochranné opatrenia") na schválenie. Ak dodávateľ nenavrhne ochranné opatrenie v určenej lehote alebo ak je navrhované ochranné opatrenie zjavne neúspešné, je dodávateľ povinný spolupracovať s prevádzkovateľom základnej služby na jeho návrhu.</t>
  </si>
  <si>
    <t>Po schválení ochranného opatrenia prevádzkovateľom základnej služby je dodávateľ povinný ochranné opatrenie bez zbytočného odkladu vykonať.</t>
  </si>
  <si>
    <t>Po vykonaní ochranného opatrenia dodávateľom je dodávateľ povinný preveriť jeho účinnosť.</t>
  </si>
  <si>
    <t>5.1</t>
  </si>
  <si>
    <t>5.2</t>
  </si>
  <si>
    <t>5.3</t>
  </si>
  <si>
    <t>5.4</t>
  </si>
  <si>
    <t>5.5</t>
  </si>
  <si>
    <t>Dodávateľ je povinný zachovávať mlčanlivosť o skutočnostiach, o ktorých sa dozvie v súvislosti s plnením zmluvy a tejto zmluvy a ktoré nie sú verejne známe, pokiaľ by sa mohli dotýkať oblasti kybernetickej bezpečnosti. V prípade pochybností platí, že skutočnosť sa dotýka oblasti kybernetickej bezpečnosti. Dodávateľ je najmä povinný chrániť informácie, ktoré by mohli mať vplyv na základnú službu prevádzkovateľa základnej služby alebo ktoré by sa mohli týkať kybernetickej bezpečnosti sietí a informačných systémov prevádzkovateľa základnej služby.</t>
  </si>
  <si>
    <t>Povinnosť zachovávať mlčanlivosť podľa tohto článku trvá aj po skončení tejto zmluvy.</t>
  </si>
  <si>
    <t>Výnimky z povinnosti mlčanlivosti podľa tohto článku upravuje zákon o kybernetickej bezpečnosti.</t>
  </si>
  <si>
    <t>Dodávateľ je povinný zabezpečiť, aby v rovnakom rozsahu dodržiavali povinnosť mlčanlivosti jeho zamestnanci, subdodávatelia a ich zamestnanci, a to aj po zániku ich pracovnoprávneho vzťahu alebo obchodného vzťahu.</t>
  </si>
  <si>
    <t>Po ukončení tejto zmluvy je dodávateľ povinný vrátiť alebo previesť na prevádzkovateľa základnej služby všetky informácie, ku ktorým mal počas trvania tejto zmluvy prístup, resp. tieto podľa pokynu prevádzkovateľa základnej služby zničiť.</t>
  </si>
  <si>
    <t>KONTAKTNÉ OSOBY NA ÚSEKU KYBERNETICKEJ BEZPEČNOSTI</t>
  </si>
  <si>
    <t>6.1</t>
  </si>
  <si>
    <t>6.2</t>
  </si>
  <si>
    <t>6.3</t>
  </si>
  <si>
    <t>6.4</t>
  </si>
  <si>
    <t>Dodávateľ je povinný komunikovať pri plnení povinností podľa tejto zmluvy s prevádzkovateľom základnej služby spôsobom určeným prevádzkovateľom základnej služby, pričom dodávateľ musí mať vytvorené podmienky umožňujúce chránený prenos informácií.</t>
  </si>
  <si>
    <t>Kontaktné osoby podľa odsekov 6.2 alebo 6.3 tohto článku môže príslušná zmluvná strana zmeniť, ak oznámi novú kontaktnú osobu druhej zmluvnej strane v písomnej forme. Pre oznamovanie novej kontaktnej osoby sa použijú ustanovenia zmluvy o doručovaní.</t>
  </si>
  <si>
    <t>SPOLOČNÉ USTANOVENIA</t>
  </si>
  <si>
    <t>7.1</t>
  </si>
  <si>
    <t>7.2</t>
  </si>
  <si>
    <t>7.3</t>
  </si>
  <si>
    <t>7.4</t>
  </si>
  <si>
    <t>7.5</t>
  </si>
  <si>
    <t>7.6</t>
  </si>
  <si>
    <t>7.7</t>
  </si>
  <si>
    <t>7.8</t>
  </si>
  <si>
    <t>AUDIT KYBERNETICKEJ BEZPEČNOSTI</t>
  </si>
  <si>
    <t>8.1</t>
  </si>
  <si>
    <t>8.2</t>
  </si>
  <si>
    <t>8.3</t>
  </si>
  <si>
    <t>8.4</t>
  </si>
  <si>
    <t>8.5</t>
  </si>
  <si>
    <t>8.6</t>
  </si>
  <si>
    <t>8.7</t>
  </si>
  <si>
    <t>8.8</t>
  </si>
  <si>
    <t>8.9</t>
  </si>
  <si>
    <t>8.10</t>
  </si>
  <si>
    <t>8.11</t>
  </si>
  <si>
    <t>8.12</t>
  </si>
  <si>
    <t>Dodávateľ je povinný plniť povinnosti podľa tejto zmluvy  v súlade so zákonom o kybernetickej bezpečnosti a jeho vykonávacími predpismi vrátane všeobecných bezpečnostných opatrení, bezpečnostných štandardov, znalostných štandardov v oblasti kybernetickej bezpečnosti a identifikačných kritérií pre jednotlivé kategórie kybernetických bezpečnostných incidentov, ďalej operačnými postupmi, metodikami, politikami správania sa v kybernetickom priestore, zásadami predchádzania kybernetickým bezpečnostným incidentom a zásadami riešenia kybernetických bezpečnostných incidentov, ktoré vydáva Národný bezpečnostný úrad v oblasti kybernetickej bezpečnosti.</t>
  </si>
  <si>
    <t>Dodávateľ je ďalej povinný plniť povinnosti podľa tejto zmluvy v súlade so sektorovými bezpečnostnými opatreniami, ktoré vydáva Ministerstvo hospodárstva Slovenskej republiky v spolupráci s Národným bezpečnostným úradom.</t>
  </si>
  <si>
    <t>Dodávateľ je povinný spracovávať informácie, ktoré by mohli mať vplyv na základnú službu prevádzkovateľa základnej služby alebo ktoré by sa mohli týkať kybernetickej bezpečnosti sietí a informačných systémov prevádzkovateľa základnej služby tak, aby nebola narušená ich dostupnosť, dôvernosť, autentickosť a integrita.</t>
  </si>
  <si>
    <t xml:space="preserve">Dodávateľ je povinný mať umiestnenú svoju dokumentáciu, informačné systémy a ostatné informačno-komunikačné technológie, ktoré sa týkajú plnenia povinností podľa tejto zmluvy v zabezpečenom priestore tak, aby nebola narušená ich dôvernosť, autentickosť a integrita. </t>
  </si>
  <si>
    <t>Dodávateľ je povinný dokumentovať svoju činnosť podľa tejto zmluvy (vrátane evidovania incidentov a dokumentovania školení svojich zamestnancov) a na žiadosť prevádzkovateľa základnej služby mu predložiť uvedenú dokumentáciu na nahliadnutie a zhotovenie kópií.</t>
  </si>
  <si>
    <t>Dodávateľ je povinný plniť povinnosti podľa tejto zmluvy bezodkladne.</t>
  </si>
  <si>
    <t>V prípade, ak dodávateľ plní zmluvu prostredníctvom svojich subdodávateľov a toto plnenie priamo súvisí s prevádzkou sietí a informačných systémov prevádzkovateľa základnej služby, je povinný zabezpečiť plnenie povinností na úseku kybernetickej bezpečnosti vyplývajúcich z tejto zmluvy aj u svojich subdodávateľov tak, aby boli naplnené ciele tejto zmluvy. Dodávateľ je povinný zabezpečiť, aby prevádzkovateľ základnej služby mohol vykonať audit v súlade s ustanoveniami tejto zmluvy aj u týchto subdodávateľov.</t>
  </si>
  <si>
    <t>Dodávateľ berie na vedomie, že neplnenie jeho povinností podľa tejto zmluvy ohrozuje plnenie cieľov tejto zmluvy, pričom za dôsledky incidentov, ktoré by sa pri riadnom a včasnom plnení povinností dodávateľa podľa tejto zmluvy neprejavili alebo by sa prejavili v menšej intenzite, zodpovedá prevádzkovateľovi základnej služby v plnom rozsahu (zodpovednosť za výsledok).</t>
  </si>
  <si>
    <t>Prevádzkovateľ základnej služby je oprávnený vykonať u dodávateľa audit zameraný na overenie plnenia povinností dodávateľa podľa tejto zmluvy a efektívnosti ich plnenia, najmä na overenie technického, technologického a personálneho vybavenia dodávateľa na plnenie úloh na úseku kybernetickej bezpečnosti, ako aj nastavenie procesov, rolí a technológií v organizačnej, personálnej a technickej oblasti u dodávateľa pre plnenie cieľov tejto zmluvy.</t>
  </si>
  <si>
    <t>Prípadné nedostatky zistené auditom je dodávateľ povinný odstrániť bez zbytočného odkladu, najneskôr však v lehote 60 kalendárnych dní.</t>
  </si>
  <si>
    <t>Prevádzkovateľ základnej služby môže audit u dodávateľa realizovať sám alebo prostredníctvom tretej osoby; v takom prípade práva a povinnosti prevádzkovateľa základnej služby pri výkone auditu realizuje prevádzkovateľom základnej služby poverená tretia osoba.</t>
  </si>
  <si>
    <t>Dodávateľ je povinný pri audite spolupracovať s prevádzkovateľom základnej služby a sprístupniť mu svoje priestory, dokumentáciu a technické a technologické vybavenie, ktoré súvisia s plnením úloh na úseku kybernetickej bezpečnosti podľa tejto zmluvy.</t>
  </si>
  <si>
    <t>Prevádzkovateľ základnej služby je v rámci auditu oprávnený klásť otázky zamestnancom dodávateľa, ktorí sa podieľajú na plnení úloh na úseku kybernetickej bezpečnosti podľa tejto zmluvy.</t>
  </si>
  <si>
    <t>V rámci auditu je dodávateľ povinný preukázať prevádzkovateľovi základnej služby súlad s touto zmluvou, najmä preukázať svoju pripravenosť plniť úlohy na úseku kybernetickej bezpečnosti podľa tejto zmluvy, aktuálne a vysoké bezpečnostné povedomie svojich zamestnancov, záväzok a poučenie svojich zamestnancov, subdodávateľov a ich zamestnancov o povinnosti mlčanlivosti podľa tejto zmluvy a aktuálnosť svojej bezpečnostnej dokumentácie.</t>
  </si>
  <si>
    <t>Prevádzkovateľ základnej služby je povinný oznámiť dodávateľovi najmenej tri pracovné dni vopred svoj zámer realizovať u dodávateľa audit.</t>
  </si>
  <si>
    <t>Vykonanie alebo nevykonanie auditu prevádzkovateľom základnej služby nezbavuje dodávateľa zodpovednosti za plnenie povinností dodávateľa vyplývajúcich z tejto zmluvy.</t>
  </si>
  <si>
    <t>Dodávateľ je povinný písomne informovať prevádzkovateľa základnej služby o každej zmene, ktorá má významný vplyv na bezpečnostné opatrenia realizované dodávateľom.</t>
  </si>
  <si>
    <t>Ak dodávateľ neumožní vykonanie auditu, má sa za to, že neplní úlohy na úseku kybernetickej bezpečnosti podľa tejto zmluvy.</t>
  </si>
  <si>
    <t>Prevádzkovateľ základnej služby je povinný zachovávať mlčanlivosť o okolnostiach, o ktorých sa dozvie pri výkone auditu a ktoré nie sú verejne známe. Ustanovenia článku 5 ods. 5.2 a 5.3 tejto zmluvy platia rovnako a ustanovenie článku 5 ods. 5.4 tejto zmluvy platí primerane.</t>
  </si>
  <si>
    <t>Prevádzkovateľ základnej služby a jeho zamestnanci pri návšteve priestorov dodávateľa v rámci výkonu auditu musia dodržiavať pokyny dodávateľa týkajúce sa uvedených priestorov na úseku bezpečnosti a ochrany zdravia pri práci (ďalej len „BOZP") a ochrany pred požiarmi na účely predchádzania vzniku požiarov a zabezpečenia podmienok na účinné zdolávanie požiarov (ďalej len „PO"), s ktorými boli oboznámení podľa tretej vety tohto odseku, pričom zodpovednosť za to, že tieto osoby budú dodržiavať uvedené pokyny, nesie prevádzkovateľ základnej služby. Za vytvorenie podmienok na zaistenie BOZP a PO a zabezpečenie a vybavenie priestorov dodávateľa na bezpečný výkon auditu zodpovedá v plnom rozsahu a výlučne dodávateľ. Dodávateľ je povinný preukázateľne informovať zamestnancov prevádzkovateľa základnej služby o nebezpečenstvách a ohrozeniach, ktoré sa pri výkone auditu v priestoroch dodávateľa môžu vyskytnúť, a o výsledkoch posúdenia rizika, o preventívnych opatreniach a ochranných opatreniach, ktoré vykonal dodávateľ na zaistenie BOZP a PO, o opatreniach a postupe v prípade poškodenia zdravia vrátane poskytnutia prvej pomoci, ako aj o opatreniach a postupe v prípade zdolávania požiaru, záchranných prác a evakuácie, a preukázateľne ich poučiť o pokynoch na zaistenie BOZP a PO platných pre priestory dodávateľa.</t>
  </si>
  <si>
    <t>9</t>
  </si>
  <si>
    <t>ZÁVEREČNÉ USTANOVENIA</t>
  </si>
  <si>
    <t>9.1</t>
  </si>
  <si>
    <t>9.2</t>
  </si>
  <si>
    <t>9.3</t>
  </si>
  <si>
    <t>9.4</t>
  </si>
  <si>
    <t>9.5</t>
  </si>
  <si>
    <t>9.6</t>
  </si>
  <si>
    <t>9.7</t>
  </si>
  <si>
    <t>9.8</t>
  </si>
  <si>
    <t>9.9</t>
  </si>
  <si>
    <t>9.10</t>
  </si>
  <si>
    <t>9.11</t>
  </si>
  <si>
    <t>9.12</t>
  </si>
  <si>
    <t>Táto zmluva sa uzatvára na dobu určitú do splnenia zmluvy alebo iného jej ukončenia. Prevádzkovateľ základnej služby je oprávnený od tejto zmluvy odstúpiť v prípadoch, ak dodávateľ porušuje svoje povinnosti vyplývajúce z tejto zmluvy. Odstúpenie od tejto zmluvy sa musí urobiť písomne, inak sa na neho neprihliada. Pre doručovanie odstúpenia od tejto zmluvy sa použijú ustanovenia zmluvy o doručovaní. Zrušenie tejto zmluvy sa netýka tých ustanovení, ktoré vzhľadom na svoju povahu alebo ich výslovné znenie majú trvať aj po zrušení tejto zmluvy, a záväzkov na náhradu škody spôsobenej porušením povinností podľa tejto zmluvy, ku ktorému dôjde do zrušenia tejto zmluvy.</t>
  </si>
  <si>
    <t>Po ukončení tejto zmluvy je dodávateľ povinný udeliť, poskytnúť, previesť alebo postúpiť na prevádzkovateľa základnej služby všetky licencie, práva alebo súhlasy potrebné na zabezpečenie kontinuity prevádzkovania základnej služby prevádzkovateľom základnej služby, ktoré musia byť účinné najmenej po dobu piatich rokov po ukončení tejto zmluvy.</t>
  </si>
  <si>
    <t>Táto zmluva sa spravuje zákonmi Slovenskej republiky bez prihliadnutia ku kolíznym normám. Právne vzťahy neupravené touto zmluvou sa riadia ustanoveniami Obchodného zákonníka č. 513/1991 Zb. v znení neskorších predpisov a súvisiacimi predpismi.</t>
  </si>
  <si>
    <t>Súdy Slovenskej republiky majú výlučnú právomoc na rozhodovanie akýchkoľvek sporov týkajúcich sa tejto zmluvy. V prípade, ak dodávateľom bude zahraničná osoba, zmluvné strany sa dohodli, že miestne príslušným súdom bude súd, v obvode ktorého má sídlo prevádzkovateľ základnej služby.</t>
  </si>
  <si>
    <t>Táto zmluva sa môže meniť alebo ukončiť iba dohodou zmluvných strán v písomnej forme.</t>
  </si>
  <si>
    <t>Ak by sa dôvod neplatnosti vzťahoval len na časť tejto zmluvy, bude neplatnou len táto časť.</t>
  </si>
  <si>
    <t>Táto zmluva tvorí úplnú dohodu medzi zmluvnými stranami týkajúcu sa predmetnej záležitosti. Podpisom tejto zmluvy zanikajú všetky predchádzajúce písomné a ústne zmluvy súvisiace s predmetom tejto zmluvy a žiadna zo zmluvných strán sa nemôže dovolávať zvláštnych v tejto zmluve neuvedených ústnych dojednaní a dohôd.</t>
  </si>
  <si>
    <t>Táto zmluva bola vyhotovená v štyroch rovnopisoch, po dvoch pre každú zmluvnú stranu.</t>
  </si>
  <si>
    <t>Zmluvné strany berú na vedomie, že prevádzkovateľ základnej služby je v zmysle § 2 ods. 3 zákona č. 211/2000 Z. z. o slobodnom prístupe k informáciám a o zmene a doplnení niektorých zákonov (zákon o slobode informácií) v znení neskorších predpisov povinnou osobou, a preto je táto zmluva v zmysle § 5a zákona o slobode informácií v spojení s § 47a Občianskeho zákonníka č. 40/1964 Zb. v znení neskorších predpisov povinne zverejňovanou zmluvou.</t>
  </si>
  <si>
    <t>Zmluvné strany berú na vedomie, že účinnosť tejto zmluvy je v zmysle § 47a Občianskeho zákonníka v nadväznosti na § 5a zákona o slobode informácií podmienená jej zverejnením v Centrálnom registri zmlúv vedenom Úradom vlády Slovenskej republiky.</t>
  </si>
  <si>
    <t>Táto zmluva nadobúda platnosť dňom podpisu oboma zmluvnými stranami a účinnosť dňom  nasledujúcim po dni zverejnenia v Centrálnom registri zmlúv. Súčasťou zverejnenia je aj zoznam pracovných rolí dodávateľa podľa článku 3 ods. 3.3 tejto zmluvy.</t>
  </si>
  <si>
    <t>Zmluvné strany vyhlasujú, že sú plne spôsobilé na právne úkony, že ich zmluvná voľnosť nie je ničím obmedzená, že túto zmluvu neuzavreli ani v tiesni, ani za nápadne nevýhodných podmienok, že si obsah zmluvy dôkladne prečítali a že tento im je jasný, zrozumiteľný a vyjadrujúci ich slobodnú, vážnu a spoločnú vôľu, a na znak súhlasu ju podpisujú.</t>
  </si>
  <si>
    <r>
      <rPr>
        <sz val="10"/>
        <color theme="1"/>
        <rFont val="Arial"/>
        <family val="2"/>
        <charset val="238"/>
      </rPr>
      <t>Príloha č. 4</t>
    </r>
    <r>
      <rPr>
        <b/>
        <sz val="10"/>
        <color theme="1"/>
        <rFont val="Arial"/>
        <family val="2"/>
        <charset val="238"/>
      </rPr>
      <t xml:space="preserve"> - Zmluva o spracúvaní osobných údajov</t>
    </r>
  </si>
  <si>
    <t>I</t>
  </si>
  <si>
    <t>ÚVODNÉ USTANOVENIA A PREDMET ZMLUVY</t>
  </si>
  <si>
    <t>II</t>
  </si>
  <si>
    <t>Prevádzkovateľ touto Zmluvou poveruje Sprostredkovateľa spracúvaním osobných údajov na účel zabezpečenia prenosu obrazovej dokumentácie pacientov iným poskytovateľom zdravotnej starostlivosti prostredníctvom servera T3C, tak aby bol naplnený účel záväzkového vzťahu medzi Sprostredkovateľom a Prevádzkovateľom podľa Čl. 1 bodu 1.</t>
  </si>
  <si>
    <t>Osobné údaje, ktoré sa budú na základe tejto Zmluvy spracúvať: 
- meno, priezvisko, titul,
- rodné číslo,
- obrazová dokumentácia pacienta,
- dátum vyšetrenia.</t>
  </si>
  <si>
    <t>Dotknutými osobami v zmysle tejto Zmluvy sú: pacienti.</t>
  </si>
  <si>
    <t>Právnym základom spracúvania osobných údajov je: zákon č. 576/2004 Z. z. o zdravotnej starostlivosti, službách súvisiacich s poskytovaním zdravotnej starostlivosti a o zmene a doplnení niektorých zákonov.</t>
  </si>
  <si>
    <t>Spracovateľskými operáciami v zmysle tejto Zmluvy sú: 
N Nahliadanie / N Oboznamovanie sa / N Získavanie
N Zhromažďovanie / A Šírenie / N Zaznamenávanie
N Usporadúvanie / N Prepracúvanie / N Zmena
N Vyhľadávanie / N Prehliadanie / N Preskupovanie
N Kombinovanie / A Premiestňovanie / N Využívanie
N Uchovávanie / N Kopírovanie / N Blokovanie
N Likvidácia / A Cezhraničný prenos / N Poskytovanie
A Sprístupňovanie / N Zverejňovanie / N Iné:
(označte spracovateľské operácie zvlášť tak, aby výsledný zoznam korešpondoval s čl. II. bodom 1 tejto Zmluvy, pričom označenie písmena A – znamená Áno (sprostredkovateľ vykonáva spracovateľskú operáciu), N – znamená Nie (sprostredkovateľ nevykonáva spracovateľskú operáciu)
Jednotlivé spracovateľské operácie sú definované v Prílohe č. 1 tejto Zmluvy.</t>
  </si>
  <si>
    <t>III</t>
  </si>
  <si>
    <t>DOBA SPRACÚVANIA</t>
  </si>
  <si>
    <t>Sprostredkovateľ je oprávnený spracúvať osobné údaje Prevádzkovateľa po dobu účinnosti tejto Zmluvy a Hlavnej zmluvy, nie však dlhšie, ako po dobu (v každom jednotlivom prípade) nevyhnutne nutnú k dosiahnutiu účelu spracovania podľa tejto Zmluvy.</t>
  </si>
  <si>
    <t>IV</t>
  </si>
  <si>
    <t>POVINNOSTI SPROSTREDKOVATEĽA</t>
  </si>
  <si>
    <t>10</t>
  </si>
  <si>
    <t>Sprostredkovateľ poskytuje Prevádzkovateľovi súčinnosť a spoluprácu v rozsahu potrebnom na plnenie účelu tejto Zmluvy a Hlavnej zmluvy, zabezpečenie ochrany osobných údajov a dodržiavanie príslušných ustanovení všeobecne záväzných právnych predpisov, najmä Nariadenia a zákona o ochrane osobných údajov.</t>
  </si>
  <si>
    <t>Sprostredkovateľ sa zaväzuje nevyžívať a nezdružovať osobné údaje získané od Prevádzkovateľa na iné, než Prevádzkovateľom určené účely.</t>
  </si>
  <si>
    <t>Sprostredkovateľ je povinný spracúvať osobné údaje poskytnuté Prevádzkovateľom v súlade s právnymi predpismi vzťahujúcimi sa na spracúvanie osobných údajov a bezpečnosť spracúvaných osobných údajov, najmä v súlade s Nariadením, zákonom o ochrane osobných údajov a jeho vykonávacími predpismi.</t>
  </si>
  <si>
    <t>Sprostredkovateľ sa zaväzuje, že spracúvané osobné údaje nepoužije v rozpore s oprávnenými záujmami dotknutých osôb, nebude poškodzovať ani ohrozovať ich práva a právom chránené záujmy a svojím konaním nebude neoprávnene zasahovať do práva na ochranu ich osobnosti a súkromia.</t>
  </si>
  <si>
    <t>Sprostredkovateľ nesmie poskytnúť osobné údaje a ani ich časť akejkoľvek tretej osobe, a to ani pre nekomerčné využitie, s výnimkou prípadov, kedy je povinný poskytnúť osobné údaje na základe platného právneho predpisu, alebo so súhlasom Prevádzkovateľa v prípade, ak ide o ďalšieho Sprostredkovateľa (subdodávateľa) podľa čl. VI.</t>
  </si>
  <si>
    <t xml:space="preserve">Sprostredkovateľ je povinný okamžite a úplne reagovať na akékoľvek žiadosti zo strany Prevádzkovateľa alebo orgánu verejnej moci, dozorného orgánu a Úradu na ochranu osobných údajov týkajúcich sa spracúvania a ochrany osobných údajov. </t>
  </si>
  <si>
    <t>Sprostredkovateľ je povinný do 24 hodín oznámiť Prevádzkovateľovi, že obdržal predvolanie alebo súdny alebo správny príkaz orgánu verejnej moci požadujúci prístup k osobným údajom Prevádzkovateľa, alebo ich predloženie. V takýchto prípadoch má Prevádzkovateľ možnosť sa brániť a Sprostredkovateľ je povinný poskytnúť Prevádzkovateľovi všetku potrebnú súčinnosť.</t>
  </si>
  <si>
    <t>Sprostredkovateľ je povinný bezodkladne, najneskôr však do 3 pracovných dní oznámiť Prevádzkovateľovi (a doručiť mu kópie relevantných dokumentov) akékoľvek žiadosti, sťažnosti, oznámenia či akékoľvek iné formy komunikácie, ktoré obdrží od dotknutých osôb v súvislosti so spracúvaním osobných údajov na základe tejto Zmluvy a je povinný okamžite postupovať podľa pokynov Prevádzkovateľa v reakcii na takúto komunikáciu. Sprostredkovateľ je povinný Prevádzkovateľovi poskytnúť akúkoľvek nevyhnutnú súčinnosť k vybaveniu akejkoľvek komunikácie, ktorú Prevádzkovateľ alebo Sprostredkovateľ obdržal v súvislosti s právami dotknutých osôb v súlade s článkami 12 až 23 Nariadenia.</t>
  </si>
  <si>
    <t>V</t>
  </si>
  <si>
    <t>ZABEZPEČENIE OCHRANY OSOBNÝCH ÚDAJOV</t>
  </si>
  <si>
    <t>Sprostredkovateľ sa zaväzuje zaistiť, že ani on, ani jeho Sprostredkovateľ (ak ďalšieho Sprostredkovateľa Prevádzkovateľ povolil) nebude poskytovať osobné údaje mimo krajín Európskej únie a Európskeho hospodárskeho priestoru, ibaže by s takýmto poskytnutím vyslovil Prevádzkovateľ písomný súhlas a cezhraničný prenos bol uskutočnený až potom, čo bola zaistená náležitá ochrana osobných údajov v súlade s príslušnými právnymi predpismi na ochranu osobných údajov, čo môže zahŕňať aj uzatvorenie štandardných zmluvných doložiek zo strany Sprostredkovateľa, ak Sprostredkovateľ splní všetky ďalšie požiadavky nevyhnutné k tomu, aby predanie osobných údajov bolo plne v súlade s bezpečnostnými štandardami Prevádzkovateľa. Sprostredkovateľ je povinný vopred písomne informovať Prevádzkovateľa o každom prenose osobných údajov do tretej krajiny.</t>
  </si>
  <si>
    <t xml:space="preserve">Prevádzkovateľ vyhlasuje, že pri výbere Sprostredkovateľa dbal na odbornú, technickú, organizačnú a personálnu spôsobilosť Sprostredkovateľa a jeho schopnosť zaručiť bezpečnosť spracúvaných osobných údajov dotknutých osôb technickými, organizačnými a personálnymi  opatreniami, zodpovedajúcimi spôsobu spracúvania osobných údajov, pričom bral do úvahy najmä použiteľné technické prostriedky, dôvernosť a dôležitosť spracúvaných osobných údajov, ako aj rozsah možných rizík, ktoré sú spôsobilé narušiť bezpečnosť alebo funkčnosť informačného systému.  </t>
  </si>
  <si>
    <t>Sprostredkovateľ je povinný chrániť osobné údaje pred ich náhodným alebo nezákonným zničením, stratou, zmenou, neoprávneným poskytnutím osobných údajov, ktoré sa prenášajú, uchovávajú alebo inak spracúvajú, pred neoprávneným prístupom k nim, ako aj pre akýmikoľvek inými neprípustnými spôsobmi spracúvania (ďalej len „porušenie bezpečnosti“). Sprostredkovateľ na tento účel prijme primerané technické a organizačné opatrenia zodpovedajúce spôsobu a účelu spracúvania, a to formou a za podmienok ustanovených Nariadením a zákonom o ochrane osobných údajov. Sprostredkovateľ berie do úvahy najmä použiteľné technické prostriedky, dôvernosť a dôležitosť spracúvaných osobných údajov, ako aj rozsah možných rizík, ktoré sú spôsobilé narušiť bezpečnosť alebo funkčnosť každého informačného systému.</t>
  </si>
  <si>
    <t>V prípade porušenia bezpečnosti je Sprostredkovateľ povinný prijať primerané nápravné opatrenia ihneď, ako je to možné. Okrem toho Sprostredkovateľ bezodkladne poskytne Prevádzkovateľovi všetky relevantné informácie, o ktoré ho Prevádzkovateľ v súvislosti s porušením bezpečnosti požiada. Sprostredkovateľ je povinný poskytnúť Prevádzkovateľovi všetku potrebnú súčinnosť za účelom odstránenia následkov porušenia bezpečnosti.</t>
  </si>
  <si>
    <t>V prípade akéhokoľvek porušenia ochrany osobných údajov oznámi Sprostredkovateľ túto skutočnosť Prevádzkovateľovi bez zbytočného odkladu po tom, ako sa o nej dozvedel.</t>
  </si>
  <si>
    <t>Oznámenie Sprostredkovateľa Prevádzkovateľovi sa vykoná, ak je to možné, do 8 hodín po tom, ako sa Sprostredkovateľ dozvedel o porušení ochrany osobných údajov s cieľom umožniť Prevádzkovateľovi, aby splnil svoju povinnosť oznámiť porušenie ochrany osobných údajov príslušnému dozornému orgánu, pozri článok 33 Nariadenia.</t>
  </si>
  <si>
    <t>Sprostredkovateľ pomáha Prevádzkovateľovi pri oznámení porušenia ochrany osobných údajov príslušnému dozornému orgánu, čo znamená, že Sprostredkovateľ je povinný pomáhať pri získavaní ďalej uvedených informácií, ktoré sa podľa článku 33 ods. 3 Nariadenia uvedú v oznámení Prevádzkovateľa príslušnému dozornému orgánu.</t>
  </si>
  <si>
    <t>MLČANLIVOSŤ A PRÍSTUP K OSOBNÝM ÚDAJOM</t>
  </si>
  <si>
    <t>VI</t>
  </si>
  <si>
    <t xml:space="preserve">Sprostredkovateľ je povinný poučiť fyzické osoby, ktoré majú prístup k osobným údajom, o ich právach a povinnostiach pri ochrane osobných údajov vyplývajúcich z predpisov, ako aj o zodpovednosti v prípade ich porušenia, vrátane povinnosti zachovávať mlčanlivosť  a dôvernosť osobných údajov podľa Nariadenia, zákona o ochrane osobných údajov a pravidiel bezpečnosti spracúvania osobných údajov. Sprostredkovateľ zodpovedá za dodržiavanie mlčanlivosti podľa tejto Zmluvy zo strany ním poverených osôb. Prevádzkovateľ môže vyžadovať predloženie dokumentov preukazujúcich súlad s požiadavkami uvedenými v tomto bode Zmluvy. Zoznam osôb, ktorým bol udelený prístup, musí byť predmetom pravidelného preskúmania. Na základe tohto preskúmania môže takýto prístup k osobným údajom byť odvolaný, ak už nie je potrebný, a osobné údaje týmto osobám následne už nebudú prístupné. </t>
  </si>
  <si>
    <t>Sprostredkovateľ je povinný zachovávať mlčanlivosť o osobných údajoch získaných                           od Prevádzkovateľa alebo s ktorými príde do styku; tie nesmie využiť ani pre svoju potrebu, ani ich nesmie zverejniť a nikomu poskytnúť ani sprístupniť bez predchádzajúceho písomného súhlasu Prevádzkovateľa, okrem prípadov, ak poskytnutie je nevyhnutné na zabezpečenie spracúvania osobných údajov podľa tejto Zmluvy alebo povinnosť poskytnutia osobných údajov vyplýva z osobitných právnych predpisov alebo z rozhodnutia orgánu verejnej moci; túto mlčanlivosť sa Sprostredkovateľ zaväzuje zachovávať aj po skončení poverenia. Sprostredkovateľ je povinný viesť evidenciu o akomkoľvek poskytnutí osobných údajov podľa predchádzajúcej vety, a to po celú dobu trvania tejto Zmluvy.</t>
  </si>
  <si>
    <t xml:space="preserve">Sprostredkovateľ sa zaväzuje umožniť prístup k  údajom získaným priamo od Prevádzkovateľa alebo k údajom získaným v súvislosti so spracúvaním osobných údajov v mene Prevádzkovateľa len oprávneným/povereným osobám (zamestnancom, zástupcom alebo inej osobe, ktorá pracuje v mene alebo pre Sprostredkovateľa, alebo na základe jeho pokynov alebo pod jeho dohľadom), a iba v rozsahu nevyhnutnom na zabezpečenie účelu spracúvania osobných údajov. </t>
  </si>
  <si>
    <t>Sprostredkovateľ sa zaväzuje, že spracúvanie osobných údajov bude vykonávať osobne, tzn. len prostredníctvom svojich zamestnancov alebo iných osôb v obdobnom pomere.</t>
  </si>
  <si>
    <t>VII</t>
  </si>
  <si>
    <t>V prípade, ak Sprostredkovateľ má zámer spracúvať osobné údaje aj prostredníctvom ďalších Sprostredkovateľov (ďalej len: „sub-sprostredkovateľ“), je povinný o tejto skutočnosti informovať Prevádzkovateľa a požiadať o jeho písomný súhlas, a to v lehote do 30 dní pred dňom zamýšľaného spracúvania osobných údajov prostredníctvom subdodávateľov. Spolu so žiadosťou o súhlas predloží Sprostredkovateľ Prevádzkovateľovi informácie o subdodávateľovi s dokladmi, ktoré sú potrebné pre jeho činnosť v takom rozsahu, aké by boli potrebné pre vykonávanie spracúvania osobných údajov Sprostredkovateľom. Bez predchádzajúceho písomného súhlasu Prevádzkovateľa so spracúvaním osobných údajov prostredníctvom sub-sprostredkovateľa nie je Sprostredkovateľ oprávnený uzatvoriť so sub-Sprostredkovateľom zmluvný vzťah, týkajúci sa spracúvania osobných údajov dotknutých osôb v mene Prevádzkovateľa.</t>
  </si>
  <si>
    <t>V prípade spracúvania osobných údajov prostredníctvom sub-sprostredkovateľa, Sprostredkovateľ v celom rozsahu zodpovedá Prevádzkovateľovi za úkony alebo opomenutie konania sub-sprostredkovateľa. Sub-sprostredkovateľ smie spracúvať osobné údaje iba osobne, tzn. len prostredníctvom svojich zamestnancov alebo iných osôb v obdobnom pomere.</t>
  </si>
  <si>
    <t>Sprostredkovateľ berie na vedomie, že ustanovenia tejto Zmluvy upravujúce zodpovednosť, práva a povinnosti Sprostredkovateľa, sa v rovnakom rozsahu vzťahujú na subdodávateľa. Sprostredkovateľ je povinný oboznámiť subdodávateľa s uvedenými skutočnosťami.</t>
  </si>
  <si>
    <t>Každá osoba konajúca na základe poverenia Sprostredkovateľa, ktorá má prístup k osobným údajom, môže spracovávať takéto osobné údaje len na základe pokynu Prevádzkovateľa, pokiaľ nie je povinná tieto údaje spracovať podľa platných právnych predpisov. Sprostredkovateľ prijme opatrenia na zabezpečenie splnenia tejto požiadavky.</t>
  </si>
  <si>
    <t>Kópia takejto Zmluvy so sub-sprostredkovateľom a jej následné zmeny sa predložia Prevádzkovateľovi na jeho žiadosť, čím sa Prevádzkovateľovi poskytne príležitosť zaručiť že sa sub-sprostredkovateľovi uložili rovnaké povinnosti ochrany údajov, ako sú stanovené v tejto zmluve o spracúvaní osobných údajov. Ustanovenia zmluvy so sub-sprostredkovateľom, ktoré sa týkajú obchodnej činnosti a nemajú vplyv na právny obsah týkajúci sa ochrany údajov, nie je Prevádzkovateľovi potrebné predkladať.</t>
  </si>
  <si>
    <t>VIII</t>
  </si>
  <si>
    <t>DOBA TRVANIA A ZÁNIK ZMLUVY</t>
  </si>
  <si>
    <t xml:space="preserve">Táto Zmluva sa uzatvára na dobu trvania Hlavnej zmluvy. </t>
  </si>
  <si>
    <t>Sprostredkovateľ je oprávnený začať spracúvať osobné údaje dotknutých osôb odo dňa účinnosti tejto Zmluvy.</t>
  </si>
  <si>
    <t>Zmluvné strany sa dohodli, že platnosť tejto Zmluvy zaniká:
a) dohodou Zmluvných strán;
b) zánikom Hlavnej zmluvy.</t>
  </si>
  <si>
    <t>Prevádzkovateľ je oprávnený odstúpiť od tejto Zmluvy v prípade, ak:
a) Sprostredkovateľ poruší túto Zmluvu podstatným spôsobom;
b) Sprostredkovateľ poruší túto Zmluvu nepodstatným spôsobom a nezjedná nápravu v lehote stanovenej Prevádzkovateľom, ktorá nesmie byť kratšia ako päť pracovných dní.</t>
  </si>
  <si>
    <t>Za podstatné porušenie tejto Zmluvy sa považuje:
a) ak Sprostredkovateľ neprijal primerané technické, organizačné a personálne opatrenia podľa Nariadenia a zákona o ochrane osobných údajov;
b) porušenie ktorejkoľvek z povinností Sprostredkovateľa podľa čl. IV tejto Zmluvy;
c) porušenie ktorejkoľvek z povinností Sprostredkovateľa v súvislosti s bezpečnosťou osobných údajov podľa čl. V tejto Zmluvy;
d) porušenie ktorejkoľvek z povinností Sprostredkovateľa podľa čl. VI tejto Zmluvy.</t>
  </si>
  <si>
    <t>Odstúpenie od Zmluvy musí byť písomné a jeho účinky nastávajú dňom doručenia písomného oznámenia o odstúpení od Zmluvy druhej Zmluvnej strane.</t>
  </si>
  <si>
    <t>Povinnosti Sprostredkovateľa vo vzťahu k osobným údajom sa po zániku tejto Zmluvy spravujú príslušnými právnymi predpismi a čl. VIII tejto zmluvy.</t>
  </si>
  <si>
    <t>POVINNOSTI SPROSTREDKOVATEĽA PO ZÁNIKU ZMLUVY</t>
  </si>
  <si>
    <t>IX</t>
  </si>
  <si>
    <t>V prípade zániku tejto Zmluvy z akéhokoľvek dôvodu je Sprostredkovateľ povinný bezodkladne poskytnúť Prevádzkovateľovi všetku potrebnú súčinnosť pre účely zabezpečenia kontinuity spracúvania osobných údajov podľa požiadaviek Prevádzkovateľa, a to najmä odovzdať databázy obsahujúce osobné údaje Prevádzkovateľovi alebo ním určenej osobe, prípadne zabezpečiť prevzatie procesu spracúvania osobných údajov Prevádzkovateľom alebo ním určenou osobou.</t>
  </si>
  <si>
    <t xml:space="preserve">Po zabezpečení tejto povinnosti je Sprostredkovateľ povinný bezodkladne zlikvidovať osobné údaje spracúvané automatizovanými alebo neautomatizovanými prostriedkami spracúvania podľa tejto Zmluvy. Sprostredkovateľ je na účely likvidácie osobných údajov povinný zabezpečiť, aby všetky osobné údaje, vrátane ich kópií, ktoré mu boli v súvislosti s touto Zmluvou poskytnuté alebo ktoré získal pri plnení tejto Zmluvy, boli vymazané zo všetkých systémov a prostriedkov Sprostredkovateľa. </t>
  </si>
  <si>
    <t>Povinnosť poskytnutia súčinnosti pre zabezpečenie kontinuity spracúvania osobných údajov podľa  bodu 1 tohto článku Zmluvy sa považuje za splnenú v prípade, ak Prevádzkovateľ bez výhrad akceptuje všetky Sprostredkovateľom odovzdané osobné údaje vrátane ich štruktúry a relevantných informácií.</t>
  </si>
  <si>
    <t>Povinnosť likvidácie osobných údajov podľa bodu 2 tohto článku Zmluvy sa považuje za splnenú v prípade, ak Prevádzkovateľ bez výhrad akceptuje potvrdenie Sprostredkovateľa preukazujúce likvidáciu všetkých osobných údajov spracúvaných Sprostredkovateľom podľa tejto Zmluvy.</t>
  </si>
  <si>
    <t xml:space="preserve">Pokiaľ Sprostredkovateľovi vyplýva z právnych predpisov povinnosť uchovať údaje, ktoré by inak podliehali povinnostiam podľa bodu 1 a 2 tohto článku Zmluvy, je povinný o tejto skutočnosti písomne upovedomiť Prevádzkovateľa s uvedením špecifikácie právneho dôvodu na uchovanie údajov a rozsahu takýchto údajov. V takom prípade Sprostredkovateľ neporuší povinnosti podľa bodu 1 a 2 tohto článku Zmluvy a jeho povinnosť ochrany osobných údajov tým nie je po zániku tejto Zmluvy dotknutá. </t>
  </si>
  <si>
    <t>X</t>
  </si>
  <si>
    <t>DOHODA O SANKCIÁCH A ZODPOVEDNOSŤ SPROSTREDKOVATEĽA ZA ŠKODU</t>
  </si>
  <si>
    <t>Sprostredkovateľ zodpovedá za to, že spracúvanie osobných údajov bude plne zodpovedať všetkým požiadavkám a špecifikám uvedeným v tejto Zmluve. Sprostredkovateľ zodpovedá Prevádzkovateľovi za škodu spôsobenú porušením povinností podľa tejto Zmluvy. Za škodu vzniknutú Prevádzkovateľovi sa na účely tejto Zmluvy považuje aj pokuta uložená Prevádzkovateľovi príslušným orgánom dozoru, ktorá je následkom porušenia tejto Zmluvy Sprostredkovateľom.</t>
  </si>
  <si>
    <t xml:space="preserve">Sprostredkovateľ je povinný uhradiť vzniknutú škodu na základe písomnej výzvy Prevádzkovateľa doručenej Sprostredkovateľovi na adresu uvedenú v tejto Zmluve, alebo na inú Sprostredkovateľom oznámenú adresu.  </t>
  </si>
  <si>
    <t>XI</t>
  </si>
  <si>
    <t>AUDIT A KONTROLA</t>
  </si>
  <si>
    <t>Prevádzkovateľ alebo zástupca Prevádzkovateľa môžu vykonať fyzickú kontrolu miest, 
kde spracúvanie osobných údajov vykonáva Sprostredkovateľ, vrátane fyzických zariadení, 
ako aj systémov používaných na spracúvanie a súvisiacich s týmto spracúvaním s cieľom uistiť sa, či Sprostredkovateľ dodržiava Nariadenie, uplatniteľné ustanovenia EÚ alebo členských štátov o ochrane údajov.</t>
  </si>
  <si>
    <t xml:space="preserve">Prevádzkovateľ je povinný upovedomiť Sprostredkovateľa 7 pracovných dní pred plánovanou kontrolou. </t>
  </si>
  <si>
    <t>OSOBITNÉ USTANOVENIA</t>
  </si>
  <si>
    <t>XII</t>
  </si>
  <si>
    <t>Sprostredkovateľ je povinný zaobchádzať so spracúvanými osobnými údajmi ako s dôvernými informáciami. Povinnosť mlčanlivosti o spracúvaní osobných údajov podľa tejto Zmluvy trvá aj po zániku tejto Zmluvy.
 Sprostredkovateľ ďalej berie na vedomie, že porušenie povinností podľa tejto Zmluvy môže pre Prevádzkovateľa predstavovať reputačné riziko a spôsobenie škody v dôsledku narušenia alebo straty reputácie u klientov a obchodných partnerov. Sprostredkovateľ sa zaväzuje postupovať pri plnení tejto Zmluvy tak, aby nijakým spôsobom nepoškodil reputáciu Prevádzkovateľa.</t>
  </si>
  <si>
    <t>Sprostredkovateľ berie na vedomie a je uzrozumený s tým, že touto Zmluvou nenadobúda žiadne práva k osobným údajom, okrem práva spracúvať osobné údaje v mene Prevádzkovateľa v súlade a za podmienok uvedených v tejto Zmluve.</t>
  </si>
  <si>
    <t>Sprostredkovateľ je povinný informovať Prevádzkovateľa bez zbytočného odkladu o akýchkoľvek ťažkostiach pri plnení povinností podľa tejto Zmluvy. V takýchto prípadoch Sprostredkovateľ prijme ihneď, ako je to možné, všetky potrebné opatrenia na zabezpečenie ochrany osobných údajov a následne bude pokračovať v súlade s pokynmi Prevádzkovateľa, ak mu budú takéto pokyny vydané.</t>
  </si>
  <si>
    <t>XIII</t>
  </si>
  <si>
    <t>Túto zmluvu je možné meniť a dopĺňať len po vzájomnej dohode Zmluvných strán výlučne vo forme písomného dodatku k tejto Zmluve, inak sa žiadna zo Zmluvných strán nemôže dovolávať dodatku, resp. zmeny zmluvne dohodnutých podmienok.</t>
  </si>
  <si>
    <t>Práva a povinnosti Zmluvných strán v súvislosti so spracúvaním osobných údajov sa spravujú Nariadením, ak v tejto Zmluve nie je upravené inak.</t>
  </si>
  <si>
    <t>Zmluvné strany sa dohodli, že všetky právne vzťahy výslovne neupravené touto Zmluvou sa riadia všeobecne záväznými právnymi predpismi platnými v Slovenskej republike. Príslušným súdom je všeobecný súd Prevádzkovateľa.</t>
  </si>
  <si>
    <t>Zmluvné strany sa dohodli, že pri každej zmene svojich identifikačných údajov alebo kontaktných osôb je každá Zmluvná strana povinná oznámiť druhej Zmluvnej strane túto zmenu bez zbytočného odkladu.</t>
  </si>
  <si>
    <t>Pokiaľ Zmluvné strany svojím konaním alebo opomenutím zmaria doručenie písomnosti a písomnosť pošta vráti ako nedoručenú, účinky doručenia nastávajú v deň, keď bude písomnosť/zásielka vrátená odosielateľovi. Účinky doručenia nastávajú aj vtedy, ak adresát  odmietne prevziať písomnosť. V prípade doručovania oznámení elektronickou e-mailovou formou v pracovný deň po 17:00 hod alebo v deň pracovného pokoja sa e-mail považuje za doručený o 09:00 hod v najbližší nasledujúci pracovný deň. Na účely doručenia podľa predchádzajúcej vety sa aplikuje miestny čas príjemcu e-mailu.</t>
  </si>
  <si>
    <t>Zmluvné strany vyhlasujú, že si túto Zmluvu pred jej podpisom prečítali, jej obsahu porozumeli a na znak bezvýhradného súhlasu s jej obsahom ju podpísali slobodne, vážne, nie v tiesni, ani nie za nápadne nevýhodných podmienok.</t>
  </si>
  <si>
    <t>Táto zmluva je vyhotovená v dvoch rovnopisoch, z ktorých jeden obdrží každá Zmluvná strana.</t>
  </si>
  <si>
    <t xml:space="preserve">Zmluva nadobúda platnosť a účinnosť dňom jej podpísania obidvomi Zmluvnými stranami. </t>
  </si>
  <si>
    <t>72000000-5  Služby informačných technológií: konzultácie, vývoj softvéru, internet a podpora</t>
  </si>
  <si>
    <t>služba</t>
  </si>
  <si>
    <t>Podpora, servis a softvérové aktualizácie komplexných softvérových a hardvérových systémov.</t>
  </si>
  <si>
    <t>mesiac</t>
  </si>
  <si>
    <t>Neoddeliteľnou súčasťou tejto zmluvy sú jej prílohy:
Príloha č. 1 - Kalkulácia ceny a návrh na plnenia kritéria na vyhodnotenie ponúk
Príloha č. 2 - Zoznam známych subdodávateľov
Príloha č. 3 - Zmluva o zabezpečení plnenia bezpečnostných opatrení a notifikačných povinností podľa zákona č. 69/2018 Z. z. o kybernetickej bezpečnosti a o zmene a doplnení niektorých zákonov v znení neskorších predpisov
Príloha č. 4 - Zmluva o spracúvaní osobných údajov</t>
  </si>
  <si>
    <t>Prevádzkovateľ základnej služby určuje nasledovnú kontaktnú osobu pre komunikáciu s dodávateľom na úseku kybernetickej bezpečnosti: 
meno: ...........
e-mail: ................., tel. ...............</t>
  </si>
  <si>
    <t>Dodávateľ určuje nasledovnú kontaktnú osobu pre komunikáciu s prevádzkovateľom základnej služby na úseku kybernetickej bezpečnosti: ....................</t>
  </si>
  <si>
    <t>POVAHA A ÚČEL SPRACÚVANIA, TYP OSOBNÝCH ÚDAJOV A KATEGÓRIE DOTKNUTÝCH OSÔB</t>
  </si>
  <si>
    <t>Sprostredkovateľ je oprávnený spracúvať len tie osobné údaje, ktoré zodpovedajú účelu tejto Zmluvy, pričom má povinnosť, okrem iného:
a) spracúvať osobné údaje len na určené účely;
b) spracúvať len také osobné údaje, ktoré rozsahom a obsahom zodpovedajú určenému účelu a sú nevyhnutné pre jeho dosiahnutie;
c) udržiavať osobné údaje získané na rozdielne účely oddelene a zabezpečiť, aby osobné údaje boli spracúvané iba spôsobom, ktorý zodpovedá účelu, pre ktorý boli zhromaždené;
d) spracúvať iba správne, kompletné a aktuálne osobné údaje vo vzťahu k účelu ich spracúvania a naložiť s nesprávnymi a nekompletnými údajmi v súlade so zákonom o ochrane osobných údajov a Nariadením;
e) spracúvať osobné údaje v súlade s dobrými mravmi a konať spôsobom, ktorý nie je v rozpore s Nariadením, zákonom o ochrane osobných údajov, ani inými právnymi predpismi a ani ich neobchádza.</t>
  </si>
  <si>
    <t>Sprostredkovateľ je povinný okamžite informovať Prevádzkovateľa o akýchkoľvek problémoch pri plnení tejto Zmluvy, ako aj o akýchkoľvek okolnostiach týkajúcich sa závažného porušenia povinnosti Sprostredkovateľa pri spracúvaní a ochrane osobných údajov. V takomto prípade sú Sprostredkovateľ a Prevádzkovateľ povinní spolupracovať na odstránení problémov a/alebo zamedzení alebo náprave takéhoto porušenia.
a) Sprostredkovateľ sa zaväzuje pomáhať Prevádzkovateľovi pri zabezpečení plnenia povinností podľa článkov 32 až 36 Nariadenia s prihliadnutím na povahu spracúvania a informácie dostupné Sprostredkovateľovi.
b) Po ukončení poskytovania služieb týkajúcich sa spracúvania na základe rozhodnutia Prevádzkovateľa Sprostredkovateľ všetky osobné údaje vymaže alebo vráti Prevádzkovateľovi a vymaže- všetky existujúce kópie, ak právo Únie alebo právo členského štátu nepožaduje uchovávanie týchto osobných údajov.
c) Sprostredkovateľ poskytne Prevádzkovateľovi všetky informácie potrebné na preukázanie splnenia povinností stanovených v článku 28 Nariadenia a umožní audity, ako aj kontroly vykonávané Prevádzkovateľom alebo iným audítorom, ktorého poveril Prevádzkovateľ, a prispieva k nim.
d) Sprostredkovateľ je povinný bezodkladne informovať Prevádzkovateľa, ak sa podľa jeho názoru pokynom Prevádzkovateľa porušuje Nariadenie alebo iné právne predpisy Únie alebo členského štátu týkajúce sa ochrany údajov. Sprostredkovateľ je ďalej povinný bez zbytočného odkladu po tom, čo sa o porušení dozvedel, oznámiť porušenie bezpečnosti osobných údajov kontaktnej osobe:
Titul, meno a priezvisko: ..............................
Telefónne číslo:  ..............................
e-mailová adresa:  ..........................
e) Sprostredkovateľ v zmysle článku 82 ods. 2 Nariadenia zodpovedá za škodu spôsobenú spracúvaním osobných údajov len vtedy, ak neboli splnené povinnosti, ktoré sa Nariadením ukladajú výslovne Sprostredkovateľom, alebo ak konal nad rámec alebo v rozpore s pokynmi Prevádzkovateľa, ktoré boli v súlade so zákonom.</t>
  </si>
  <si>
    <t>SPRACÚVANIE OSOBNÝCH ÚDAJOV PROSTREDNÍCTVOM ĎALŠIEHO SPROSTREDKOVATEĽA (SUB-SPROSTREDKOVATEĽ)</t>
  </si>
  <si>
    <t>Zmluvné strany sa dohodli, že kontaktnou osobou Prevádzkovateľa na účely tejto Zmluvy je: 
Titul, meno a priezvisko: ..........................
Telefónne číslo:  ..........................
e-mailová adresa:  ..........................</t>
  </si>
  <si>
    <t>Zmluvné strany sa dohodli, že kontaktnou osobou Sprostredkovateľa na účely tejto Zmluvy je: 
Titul, meno a priezvisko: ..........................
Telefónne číslo:  ..........................
e-mailová adresa:  ..........................</t>
  </si>
  <si>
    <t>Nepožaduje sa</t>
  </si>
  <si>
    <t>Kalkulácia ceny a návrh na plnenie kritéria na vyhodnotenie ponúk - Štruktúrovaný rozpočet ceny predmetu zákazky</t>
  </si>
  <si>
    <t xml:space="preserve">Sprostredkovateľ poskytuje pre Prevádzkovateľa služby podpory, servisu a softvérových aktualizácií softvérových a hardvérových systémov vo vlastníctve Prevádzkovateľa, v rámci ktorých o. i. dochádza k zabezpečeniu prenosu obrazovej dokumentácie pacientov iným poskytovateľom zdravotnej starostlivosti na základe požiadavky Prevádzkovateľa, a to na základe Zmluvy o poskytnutí služieb č. ............ (ďalej len „Hlavná zmluva“) zo dňa ................... </t>
  </si>
  <si>
    <t xml:space="preserve">Prevádzkovateľ touto Zmluvou o spracúvaní osobných údajov (ďalej len „zmluva“) poveruje Sprostredkovateľa spracúvaním osobných údajov na účely, v rozsahu a za podmienok, ktoré sú uvedené v tejto Zmluve a v Hlavnej zmluve. Predmetom tejto Zmluvy je aj vymedzenie vzájomných práv a povinností Zmluvných strán pri spracúvaní osobných údajov dotknutých osôb Sprostredkovateľom v mene Prevádzkovateľa. </t>
  </si>
  <si>
    <t>Zmluvné strany sa v súlade s požiadavkami zákona o ochrane osobných údajov a Nariadenia dohodli na vymedzení podmienok spracúvania osobných údajov, spôsobe zabezpečenia ich  ochrany, ako aj na vymedzení ďalších práv a povinností Zmluvných strán v rámci plnenia predmetu tejto Zmluvy. Táto zmluva v plnom rozsahu nahrádza všetky doterajšie zmluvy, ich dodatky alebo iné dojednania Zmluvných strán vzťahujúce sa na podmienky spracúvania a ochranu osobných údajov.</t>
  </si>
  <si>
    <t>Sprostredkovateľ sa zaväzuje dodržiavať všetky povinnosti, ktoré mu ďalej vyplývajú z Nariadenia a zákona o ochrane osobných údajov a ktoré neboli uvedené v predchádzajúcom odseku, a to najmä, nie však výlučne: 
a) povinnosť viesť záznamy o spracovateľských činnostiach (čl. 30 ods. 2 Nariadenia),
b) povinnosť spolupracovať s Úradom na ochranu osobných údajov Slovenskej republiky v rámci dozoru (čl. 31 Nariadenia), 
c) povinnosť vymenovať zodpovednú osobu za splnenia podmienok uvedených v čl. 37 Nariadenia.</t>
  </si>
  <si>
    <r>
      <rPr>
        <sz val="10"/>
        <color theme="1"/>
        <rFont val="Arial"/>
        <family val="2"/>
        <charset val="238"/>
      </rPr>
      <t xml:space="preserve">Príloha č. 1 </t>
    </r>
    <r>
      <rPr>
        <b/>
        <sz val="10"/>
        <color theme="1"/>
        <rFont val="Arial"/>
        <family val="2"/>
        <charset val="238"/>
      </rPr>
      <t xml:space="preserve"> (Zmluva o spracúvaní osobných údajov) Definície spracovateľských operácií</t>
    </r>
  </si>
  <si>
    <t>nazretie do informačného systému (programu, spisového materiálu) obsahujúceho osobné údaje fyzických osôb s možnosťou čítania prípadne robenia si poznámok, okrem fotokópií, či skenovania</t>
  </si>
  <si>
    <t>sprostredkovateľ môže byť informovaný a poučený o všetkých skutočnostiach a osobných údajoch o dotknutej osobe</t>
  </si>
  <si>
    <t>oprávnenie na „prijatie“ osobných údajov od dotknutej osoby na vopred vymedzený a konkrétne daný účel spracúvania</t>
  </si>
  <si>
    <t>Nahliadanie</t>
  </si>
  <si>
    <t>Oboznamovanie sa</t>
  </si>
  <si>
    <t>Získavanie</t>
  </si>
  <si>
    <t>Zhromažďovanie</t>
  </si>
  <si>
    <t xml:space="preserve">zozbieranie, sústredenie všetkých získaných osobných údajov o dotknutej osobe do databázy, resp. informačného systému (aplikačného a programového vybavenia alebo spisu, zložky) </t>
  </si>
  <si>
    <t>preposielanie osobných údajov iným oprávneným osobám napríklad prostredníctvom mailovej komunikácie</t>
  </si>
  <si>
    <t>Šírenie</t>
  </si>
  <si>
    <t>zapisovanie osobných údajov do informačného systému (aplikačného a programového vybavenia alebo spisu, zložky)</t>
  </si>
  <si>
    <t xml:space="preserve">zoraďovanie, chronologické upravovanie osobných údajov dotknutých osôb v informačnom systéme (aplikačného a programového vybavenia alebo spisu, zložky) </t>
  </si>
  <si>
    <t>vykonávanie opráv a úprav osobných údajov dotknutých osôb bez možnosti ich vymazania</t>
  </si>
  <si>
    <t>Zaznamenávanie</t>
  </si>
  <si>
    <t>Usporadúvanie</t>
  </si>
  <si>
    <t>Prepracúvanie</t>
  </si>
  <si>
    <t>Zmena</t>
  </si>
  <si>
    <t>Vyhľadávanie</t>
  </si>
  <si>
    <t>Prehliadanie</t>
  </si>
  <si>
    <t>Preskupovanie</t>
  </si>
  <si>
    <t>Kombinovanie</t>
  </si>
  <si>
    <t>Premiestňovanie</t>
  </si>
  <si>
    <t>Využívanie</t>
  </si>
  <si>
    <t>Uchovávanie</t>
  </si>
  <si>
    <t>Kopírovanie</t>
  </si>
  <si>
    <t>Blokovanie</t>
  </si>
  <si>
    <t>Likvidácia</t>
  </si>
  <si>
    <t>Cezhraničný prenos</t>
  </si>
  <si>
    <t>Poskytovanie</t>
  </si>
  <si>
    <t>Sprístupňovanie</t>
  </si>
  <si>
    <t>Zverejňovanie</t>
  </si>
  <si>
    <t>vykonávanie opráv a úprav osobných údajov dotknutých osôb s možnosťou ich vymazania</t>
  </si>
  <si>
    <t>možnosť „hľadania“ osobných údajov dotknutých osôb v aktuálnych databázach ako aj v archívnych dokumentoch a informačných systémoch</t>
  </si>
  <si>
    <t>možnosť „hľadania“ osobných údajov dotknutých osôb iba v aktuálnych databázach okrem archívnych dokumentov a informačných systémov</t>
  </si>
  <si>
    <t xml:space="preserve">vytváranie nového usporiadania, resp. zoskupenia, databázy s osobnými údajmi dotknutých osôb </t>
  </si>
  <si>
    <t xml:space="preserve">„spájanie“, „prepájanie“ viacerých databáz (zostáv) s osobnými údajmi dotknutých osôb spracúvaných na rovnaký účel spracúvania navzájom medzi sebou </t>
  </si>
  <si>
    <t>možnosť sprostredkovateľa prenášať osobné údaje „z miesta na miesto“, napríklad premiestňovanie aktuálnych spisov do archívu, resp. aktuálnej databázy do zálohy na USB kľúč, CD nosič a jeho následnú archiváciu</t>
  </si>
  <si>
    <t>„zachovanie“ databáz obsahujúcich osobné údaje dotknutých osôb počas celej doby nutnej na archiváciu bez možnosti likvidácie</t>
  </si>
  <si>
    <t>povinnosť sprostredkovateľa využívať osobné údaje iba a výhradne na plnenie vopred vymedzeného účelu spracúvania</t>
  </si>
  <si>
    <t xml:space="preserve">vykonávanie duplikátov, „kópií“ dokumentov obsahujúcich osobné údaje </t>
  </si>
  <si>
    <t>pozastavenie spracúvania osobných údajov, počas ktorého možno vykonať len také operácie s osobnými údajmi, ktoré sú nevyhnutné na splnenie povinnosti uloženej zákonom o ochrane osobných údajov. Blokovanie osobných údajov je založené na dočasnej alebo trvalej báze.</t>
  </si>
  <si>
    <t>zrušenie alebo zničenie osobných údajov tak, aby sa z nich osobné údaje nedali reprodukovať. Likvidáciu osobných údajov možno vykonať napríklad rozložením, vymazaním alebo fyzickým zničením hmotných nosičov, na ktorých sa osobné údaje nachádzajú</t>
  </si>
  <si>
    <t xml:space="preserve">prenos osobných údajov mimo územia Slovenskej republiky a na územie Slovenskej republiky </t>
  </si>
  <si>
    <t>odovzdávanie osobných údajov inému prevádzkovateľovi (príjemcovi), ktorý ich ďalej spracúva (kontrolné orgány, sociálna poisťovňa, zdravotná poisťovňa)</t>
  </si>
  <si>
    <t>oznámenie osobných údajov alebo umožnenie prístupu k nim osobe, ktorá ich ďalej už nespracúva</t>
  </si>
  <si>
    <t xml:space="preserve">publikovanie, uverejnenie alebo vystavenie osobných údajov na verejnosti prostredníctvom masovokomunikačných prostriedkov, verejne prístupných počítačových sietí, verejným vykonaním alebo vystavením diela podľa autorského zákona verejným vyhlásením, uvedením vo verejnom zozname, v registri alebo v operáte, napríklad podľa katastrálneho zákona ich umiestnením na úradnej tabuli alebo na inom verejne prístupnom mieste </t>
  </si>
  <si>
    <t>Nárok na náhradu škody nevzniká oprávnenej strane vtedy, ak povinná strana preukáže, že k porušeniu jej zákonnej alebo zmluvnej povinnosti došlo v dôsledku okolností vylučujúcich zodpovednosť.</t>
  </si>
  <si>
    <t>Dodávateľ je povinný v rámci prevencie kybernetických bezpečnostných incidentov, ktoré by mohli mať potenciálny nepriaznivý vplyv na základnú službu prevádzkovateľa základnej služby alebo ktoré by sa mohli týkať kybernetickej bezpečnosti sietí a informačných systémov prevádzkovateľa základnej služby, (ďalej len „incidenty"):                                                                                                                                                                                                                                                                                                                                                                                     a) zabezpečiť vlastnú kybernetickú bezpečnosť, aby cez dodávateľa nebolo možné zasiahnuť  siete a informačné systémy prevádzkovateľa základnej služby,
b) vytvárať a zvyšovať bezpečnostné povedomie svojich zamestnancov, ktorí sa budú podieľať na plnení zmluvy a tejto zmluvy alebo budú mať prístup k informáciám prevádzkovateľa základnej služby,
c) sledovať výstrahy a varovania a ďalšie informácie slúžiace na minimalizovanie, odvrátenie alebo nápravu následkov incidentov všeobecne,
d) sledovať hrozby dotýkajúce sa dodávateľa, ktoré by mohli mať potenciálny nepriaznivý vplyv na základnú službu prevádzkovateľa základnej služby,
e) predchádzať vzniku incidentov,
f) systematicky získavať (monitorovať a detegovať), sústreďovať (evidovať), analyzovať a vyhodnocovať informácie o incidentoch,
g) prijímať od prevádzkovateľa základnej služby varovania pred incidentmi a vykonávať preventívne opatrenia potrebné na odvrátenie hrozieb, ktoré by mohli mať potenciálny nepriaznivý vplyv na základnú službu prevádzkovateľa základnej služby,
h) zasielať prevádzkovateľovi základnej služby včasné varovania pred incidentmi, o ktorých sa dozvie z vlastnej činnosti podľa tejto zmluvy alebo inak, a
i) spolupracovať s prevádzkovateľom základnej služby pri zabezpečovaní kybernetickej bezpečnosti sietí a informačných systémov prevádzkovateľa základnej služby.</t>
  </si>
  <si>
    <t>Okrem plánovanej kontroly môže Prevádzkovateľ vykonať kontrolu Sprostredkovateľa, ak to Prevádzkovateľ považuje za potrebné.</t>
  </si>
  <si>
    <t>72261000-2  Softvérové podporné služby</t>
  </si>
</sst>
</file>

<file path=xl/styles.xml><?xml version="1.0" encoding="utf-8"?>
<styleSheet xmlns="http://schemas.openxmlformats.org/spreadsheetml/2006/main" xmlns:mc="http://schemas.openxmlformats.org/markup-compatibility/2006" xmlns:x14ac="http://schemas.microsoft.com/office/spreadsheetml/2009/9/ac" mc:Ignorable="x14ac">
  <fonts count="16">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b/>
      <sz val="11"/>
      <color theme="1"/>
      <name val="Arial"/>
      <family val="2"/>
      <charset val="238"/>
    </font>
    <font>
      <sz val="10"/>
      <color theme="1"/>
      <name val="Ara"/>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5" tint="0.39997558519241921"/>
        <bgColor indexed="64"/>
      </patternFill>
    </fill>
    <fill>
      <patternFill patternType="solid">
        <fgColor theme="0"/>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bottom/>
      <diagonal/>
    </border>
    <border>
      <left style="medium">
        <color indexed="64"/>
      </left>
      <right/>
      <top style="thin">
        <color indexed="64"/>
      </top>
      <bottom style="thin">
        <color indexed="64"/>
      </bottom>
      <diagonal/>
    </border>
    <border>
      <left/>
      <right style="medium">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auto="1"/>
      </right>
      <top style="thin">
        <color auto="1"/>
      </top>
      <bottom/>
      <diagonal/>
    </border>
    <border>
      <left style="medium">
        <color auto="1"/>
      </left>
      <right style="thin">
        <color auto="1"/>
      </right>
      <top/>
      <bottom/>
      <diagonal/>
    </border>
    <border>
      <left style="thin">
        <color auto="1"/>
      </left>
      <right/>
      <top/>
      <bottom/>
      <diagonal/>
    </border>
    <border>
      <left style="medium">
        <color indexed="64"/>
      </left>
      <right/>
      <top style="medium">
        <color auto="1"/>
      </top>
      <bottom style="medium">
        <color auto="1"/>
      </bottom>
      <diagonal/>
    </border>
    <border>
      <left/>
      <right style="thin">
        <color auto="1"/>
      </right>
      <top style="medium">
        <color auto="1"/>
      </top>
      <bottom style="medium">
        <color auto="1"/>
      </bottom>
      <diagonal/>
    </border>
    <border>
      <left style="medium">
        <color indexed="64"/>
      </left>
      <right style="thin">
        <color auto="1"/>
      </right>
      <top style="medium">
        <color indexed="64"/>
      </top>
      <bottom/>
      <diagonal/>
    </border>
    <border>
      <left style="thin">
        <color auto="1"/>
      </left>
      <right style="thin">
        <color auto="1"/>
      </right>
      <top style="medium">
        <color auto="1"/>
      </top>
      <bottom/>
      <diagonal/>
    </border>
    <border>
      <left style="thin">
        <color auto="1"/>
      </left>
      <right style="medium">
        <color indexed="64"/>
      </right>
      <top style="medium">
        <color auto="1"/>
      </top>
      <bottom style="medium">
        <color indexed="64"/>
      </bottom>
      <diagonal/>
    </border>
    <border>
      <left style="thin">
        <color auto="1"/>
      </left>
      <right style="thin">
        <color auto="1"/>
      </right>
      <top style="medium">
        <color auto="1"/>
      </top>
      <bottom style="medium">
        <color indexed="64"/>
      </bottom>
      <diagonal/>
    </border>
    <border>
      <left style="thin">
        <color indexed="64"/>
      </left>
      <right style="thin">
        <color indexed="64"/>
      </right>
      <top/>
      <bottom style="medium">
        <color auto="1"/>
      </bottom>
      <diagonal/>
    </border>
    <border>
      <left style="thin">
        <color indexed="64"/>
      </left>
      <right style="medium">
        <color auto="1"/>
      </right>
      <top/>
      <bottom style="medium">
        <color auto="1"/>
      </bottom>
      <diagonal/>
    </border>
    <border>
      <left style="thin">
        <color auto="1"/>
      </left>
      <right/>
      <top style="thin">
        <color auto="1"/>
      </top>
      <bottom style="medium">
        <color indexed="64"/>
      </bottom>
      <diagonal/>
    </border>
    <border>
      <left/>
      <right style="medium">
        <color auto="1"/>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9" fontId="2" fillId="0" borderId="0" xfId="0" applyNumberFormat="1" applyFont="1" applyFill="1" applyAlignment="1">
      <alignment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0" fontId="4" fillId="0" borderId="20" xfId="0" applyFont="1" applyFill="1" applyBorder="1" applyAlignment="1">
      <alignment horizontal="left" vertical="center" wrapText="1"/>
    </xf>
    <xf numFmtId="0" fontId="2" fillId="0" borderId="26" xfId="0" applyFont="1" applyBorder="1" applyAlignment="1">
      <alignment vertical="top" wrapText="1"/>
    </xf>
    <xf numFmtId="0" fontId="5" fillId="0" borderId="10" xfId="0" applyFont="1" applyFill="1" applyBorder="1" applyAlignment="1">
      <alignment horizontal="left" vertical="center" wrapText="1"/>
    </xf>
    <xf numFmtId="49" fontId="3" fillId="0" borderId="8"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49" fontId="3" fillId="0" borderId="25" xfId="0" applyNumberFormat="1" applyFont="1" applyFill="1" applyBorder="1" applyAlignment="1">
      <alignment horizontal="center" vertical="center" wrapText="1"/>
    </xf>
    <xf numFmtId="0" fontId="4" fillId="0" borderId="29" xfId="0" applyFont="1" applyFill="1" applyBorder="1" applyAlignment="1">
      <alignment horizontal="left" vertical="center" wrapText="1"/>
    </xf>
    <xf numFmtId="0" fontId="2" fillId="0" borderId="29"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31" xfId="0" applyFont="1" applyFill="1" applyBorder="1" applyAlignment="1">
      <alignment horizontal="center" vertical="center" wrapText="1"/>
    </xf>
    <xf numFmtId="49" fontId="3" fillId="0" borderId="24" xfId="0" applyNumberFormat="1" applyFont="1" applyFill="1" applyBorder="1" applyAlignment="1">
      <alignment horizontal="center" vertical="center" wrapText="1"/>
    </xf>
    <xf numFmtId="0" fontId="5" fillId="0" borderId="29" xfId="0" applyFont="1" applyFill="1" applyBorder="1" applyAlignment="1">
      <alignment horizontal="left" vertical="center" wrapText="1"/>
    </xf>
    <xf numFmtId="49" fontId="2" fillId="0" borderId="24"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0" xfId="0" applyFont="1" applyAlignment="1">
      <alignment horizontal="center" vertical="center" wrapText="1"/>
    </xf>
    <xf numFmtId="49" fontId="2" fillId="0" borderId="24" xfId="0" applyNumberFormat="1" applyFont="1" applyFill="1" applyBorder="1" applyAlignment="1">
      <alignment horizontal="center" vertical="center" wrapText="1"/>
    </xf>
    <xf numFmtId="0" fontId="2" fillId="6" borderId="10" xfId="0" applyNumberFormat="1" applyFont="1" applyFill="1" applyBorder="1" applyAlignment="1">
      <alignment horizontal="center" vertical="center" wrapText="1"/>
    </xf>
    <xf numFmtId="0" fontId="7" fillId="0" borderId="0" xfId="0" applyFont="1" applyAlignment="1">
      <alignment horizontal="justify" vertical="center"/>
    </xf>
    <xf numFmtId="0" fontId="2" fillId="0" borderId="10" xfId="0" applyFont="1" applyBorder="1" applyAlignment="1">
      <alignment horizontal="left" vertical="center" wrapText="1"/>
    </xf>
    <xf numFmtId="0" fontId="2" fillId="0" borderId="10" xfId="0" applyFont="1" applyBorder="1" applyAlignment="1">
      <alignment vertical="center" wrapText="1"/>
    </xf>
    <xf numFmtId="0" fontId="4" fillId="0" borderId="10" xfId="0" applyFont="1" applyFill="1" applyBorder="1" applyAlignment="1">
      <alignment vertical="center" wrapText="1"/>
    </xf>
    <xf numFmtId="0" fontId="4" fillId="7" borderId="10" xfId="0" applyFont="1" applyFill="1" applyBorder="1" applyAlignment="1">
      <alignment horizontal="left" vertical="top" wrapText="1"/>
    </xf>
    <xf numFmtId="49" fontId="2" fillId="7" borderId="8" xfId="0" applyNumberFormat="1" applyFont="1" applyFill="1" applyBorder="1" applyAlignment="1">
      <alignment horizontal="center" vertical="center" wrapText="1"/>
    </xf>
    <xf numFmtId="0" fontId="4" fillId="7" borderId="10" xfId="0"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0" fontId="3" fillId="0" borderId="27" xfId="0" applyFont="1" applyBorder="1" applyAlignment="1">
      <alignment horizontal="center" vertical="center"/>
    </xf>
    <xf numFmtId="0" fontId="15" fillId="0" borderId="27" xfId="0" applyFont="1" applyBorder="1" applyAlignment="1">
      <alignment horizontal="center" vertical="center"/>
    </xf>
    <xf numFmtId="0" fontId="2" fillId="0" borderId="33"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0" borderId="24" xfId="0" applyNumberFormat="1" applyFont="1" applyFill="1" applyBorder="1" applyAlignment="1">
      <alignment horizontal="right" vertical="center" wrapText="1"/>
    </xf>
    <xf numFmtId="49" fontId="2" fillId="0" borderId="24" xfId="0" applyNumberFormat="1" applyFont="1" applyFill="1" applyBorder="1" applyAlignment="1">
      <alignment horizontal="center" vertical="center" wrapText="1"/>
    </xf>
    <xf numFmtId="0" fontId="2" fillId="0" borderId="42"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2" fillId="0" borderId="10" xfId="0" applyFont="1" applyFill="1" applyBorder="1" applyAlignment="1">
      <alignment vertical="center" wrapText="1"/>
    </xf>
    <xf numFmtId="0" fontId="2" fillId="0" borderId="10" xfId="0" applyFont="1" applyFill="1" applyBorder="1" applyAlignment="1">
      <alignment horizontal="center" vertical="center" wrapText="1"/>
    </xf>
    <xf numFmtId="3" fontId="13" fillId="0" borderId="10" xfId="0" applyNumberFormat="1" applyFont="1" applyFill="1" applyBorder="1" applyAlignment="1">
      <alignment horizontal="center" vertical="center" wrapText="1"/>
    </xf>
    <xf numFmtId="49" fontId="2" fillId="7" borderId="11" xfId="0" applyNumberFormat="1" applyFont="1" applyFill="1" applyBorder="1" applyAlignment="1">
      <alignment horizontal="center" vertical="center" wrapText="1"/>
    </xf>
    <xf numFmtId="0" fontId="4" fillId="7" borderId="20" xfId="0" applyFont="1" applyFill="1" applyBorder="1" applyAlignment="1">
      <alignment horizontal="left" vertical="center" wrapText="1"/>
    </xf>
    <xf numFmtId="49" fontId="2" fillId="0" borderId="42"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49" fontId="3" fillId="0" borderId="11" xfId="0" applyNumberFormat="1" applyFont="1" applyFill="1" applyBorder="1" applyAlignment="1">
      <alignment horizontal="center" vertical="center"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5" fillId="5" borderId="36" xfId="0" applyNumberFormat="1" applyFont="1" applyFill="1" applyBorder="1" applyAlignment="1">
      <alignment horizontal="left" vertical="center" wrapText="1"/>
    </xf>
    <xf numFmtId="49" fontId="5" fillId="5" borderId="37"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3" fillId="6" borderId="34" xfId="0" applyFont="1" applyFill="1" applyBorder="1" applyAlignment="1">
      <alignment horizontal="center" vertical="center" wrapText="1"/>
    </xf>
    <xf numFmtId="0" fontId="3" fillId="6" borderId="35" xfId="0" applyFont="1" applyFill="1" applyBorder="1" applyAlignment="1">
      <alignment horizontal="center" vertical="center" wrapText="1"/>
    </xf>
    <xf numFmtId="0" fontId="2" fillId="6" borderId="40" xfId="0" applyFont="1" applyFill="1" applyBorder="1" applyAlignment="1">
      <alignment horizontal="left" vertical="center" wrapText="1"/>
    </xf>
    <xf numFmtId="0" fontId="2" fillId="6" borderId="41"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4" fillId="0" borderId="0" xfId="0" applyFont="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24" xfId="0" applyFont="1" applyBorder="1" applyAlignment="1">
      <alignment horizontal="center" vertical="center"/>
    </xf>
    <xf numFmtId="0" fontId="2" fillId="0" borderId="32" xfId="0" applyFont="1" applyBorder="1" applyAlignment="1">
      <alignment horizontal="center" vertical="center"/>
    </xf>
    <xf numFmtId="49" fontId="2" fillId="0" borderId="24"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49" fontId="2" fillId="7" borderId="24" xfId="0" applyNumberFormat="1" applyFont="1" applyFill="1" applyBorder="1" applyAlignment="1">
      <alignment horizontal="center" vertical="center" wrapText="1"/>
    </xf>
    <xf numFmtId="49" fontId="2" fillId="7" borderId="32" xfId="0" applyNumberFormat="1" applyFont="1" applyFill="1" applyBorder="1" applyAlignment="1">
      <alignment horizontal="center" vertical="center" wrapText="1"/>
    </xf>
    <xf numFmtId="49" fontId="2" fillId="7" borderId="25" xfId="0" applyNumberFormat="1" applyFont="1" applyFill="1" applyBorder="1" applyAlignment="1">
      <alignment horizontal="center" vertical="center" wrapText="1"/>
    </xf>
    <xf numFmtId="0" fontId="2" fillId="6" borderId="39" xfId="0" applyFont="1" applyFill="1" applyBorder="1" applyAlignment="1">
      <alignment horizontal="left" vertical="center" wrapText="1"/>
    </xf>
    <xf numFmtId="0" fontId="2" fillId="6" borderId="38" xfId="0" applyFont="1" applyFill="1" applyBorder="1" applyAlignment="1">
      <alignment horizontal="left" vertical="center" wrapText="1"/>
    </xf>
    <xf numFmtId="0" fontId="14" fillId="6" borderId="34" xfId="0" applyFont="1" applyFill="1" applyBorder="1" applyAlignment="1">
      <alignment horizontal="center" vertical="center"/>
    </xf>
    <xf numFmtId="0" fontId="14" fillId="6" borderId="35" xfId="0" applyFont="1" applyFill="1" applyBorder="1" applyAlignment="1">
      <alignment horizontal="center" vertical="center"/>
    </xf>
  </cellXfs>
  <cellStyles count="6">
    <cellStyle name="Normálna 2" xfId="2"/>
    <cellStyle name="Normálne" xfId="0" builtinId="0"/>
    <cellStyle name="Normálne 2" xfId="3"/>
    <cellStyle name="normálne 2 2" xfId="1"/>
    <cellStyle name="normálne 2 2 2" xfId="4"/>
    <cellStyle name="Normálne 4" xfId="5"/>
  </cellStyles>
  <dxfs count="1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I358"/>
  <sheetViews>
    <sheetView showGridLines="0" tabSelected="1" zoomScaleNormal="100" workbookViewId="0">
      <selection activeCell="B11" sqref="B11:F11"/>
    </sheetView>
  </sheetViews>
  <sheetFormatPr defaultRowHeight="12.75"/>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c r="B1" s="140" t="s">
        <v>45</v>
      </c>
      <c r="C1" s="140"/>
      <c r="D1" s="140"/>
      <c r="E1" s="140"/>
      <c r="F1" s="140"/>
    </row>
    <row r="2" spans="2:6" ht="27.75" customHeight="1">
      <c r="B2" s="139" t="s">
        <v>43</v>
      </c>
      <c r="C2" s="139"/>
      <c r="D2" s="139"/>
      <c r="E2" s="139"/>
      <c r="F2" s="139"/>
    </row>
    <row r="3" spans="2:6" ht="54.75" customHeight="1">
      <c r="B3" s="142" t="s">
        <v>49</v>
      </c>
      <c r="C3" s="142"/>
      <c r="D3" s="142"/>
      <c r="E3" s="142"/>
      <c r="F3" s="142"/>
    </row>
    <row r="4" spans="2:6" ht="24.95" customHeight="1">
      <c r="B4" s="41" t="s">
        <v>48</v>
      </c>
      <c r="C4" s="42"/>
      <c r="D4" s="38"/>
      <c r="E4" s="38"/>
      <c r="F4" s="38"/>
    </row>
    <row r="5" spans="2:6" ht="24.95" customHeight="1">
      <c r="B5" s="41" t="s">
        <v>46</v>
      </c>
      <c r="C5" s="43"/>
      <c r="D5" s="38"/>
      <c r="E5" s="38"/>
      <c r="F5" s="38"/>
    </row>
    <row r="6" spans="2:6" ht="5.0999999999999996" customHeight="1">
      <c r="B6" s="38"/>
      <c r="C6" s="38"/>
      <c r="D6" s="38"/>
      <c r="E6" s="38"/>
      <c r="F6" s="38"/>
    </row>
    <row r="7" spans="2:6" s="2" customFormat="1" ht="20.100000000000001" customHeight="1">
      <c r="B7" s="117" t="s">
        <v>4</v>
      </c>
      <c r="C7" s="117"/>
      <c r="D7" s="117"/>
      <c r="E7" s="117"/>
      <c r="F7" s="117"/>
    </row>
    <row r="8" spans="2:6" s="2" customFormat="1" ht="20.100000000000001" customHeight="1">
      <c r="B8" s="143" t="s">
        <v>8</v>
      </c>
      <c r="C8" s="143"/>
      <c r="D8" s="143"/>
      <c r="E8" s="143"/>
      <c r="F8" s="143"/>
    </row>
    <row r="9" spans="2:6" ht="24.95" customHeight="1">
      <c r="B9" s="97" t="s">
        <v>87</v>
      </c>
      <c r="C9" s="97"/>
      <c r="D9" s="97"/>
      <c r="E9" s="145"/>
      <c r="F9" s="145"/>
    </row>
    <row r="10" spans="2:6" ht="4.5" customHeight="1">
      <c r="B10" s="40"/>
      <c r="C10" s="40"/>
      <c r="D10" s="40"/>
      <c r="E10" s="40"/>
      <c r="F10" s="40"/>
    </row>
    <row r="11" spans="2:6" s="2" customFormat="1" ht="20.100000000000001" customHeight="1">
      <c r="B11" s="144" t="s">
        <v>9</v>
      </c>
      <c r="C11" s="144"/>
      <c r="D11" s="144"/>
      <c r="E11" s="144"/>
      <c r="F11" s="144"/>
    </row>
    <row r="12" spans="2:6" s="2" customFormat="1" ht="20.100000000000001" customHeight="1">
      <c r="B12" s="145" t="s">
        <v>407</v>
      </c>
      <c r="C12" s="145"/>
      <c r="D12" s="145"/>
      <c r="E12" s="44"/>
      <c r="F12" s="44"/>
    </row>
    <row r="13" spans="2:6" s="3" customFormat="1" ht="20.100000000000001" customHeight="1">
      <c r="B13" s="145" t="s">
        <v>476</v>
      </c>
      <c r="C13" s="145"/>
      <c r="D13" s="145"/>
      <c r="E13" s="18"/>
      <c r="F13" s="19"/>
    </row>
    <row r="14" spans="2:6" ht="4.5" customHeight="1">
      <c r="B14" s="45"/>
      <c r="C14" s="45"/>
      <c r="D14" s="45"/>
      <c r="E14" s="40"/>
      <c r="F14" s="40"/>
    </row>
    <row r="15" spans="2:6" ht="20.100000000000001" customHeight="1">
      <c r="B15" s="39" t="s">
        <v>10</v>
      </c>
      <c r="C15" s="20"/>
      <c r="D15" s="20"/>
      <c r="E15" s="21"/>
      <c r="F15" s="21"/>
    </row>
    <row r="16" spans="2:6" s="3" customFormat="1" ht="24.95" customHeight="1">
      <c r="B16" s="141" t="s">
        <v>408</v>
      </c>
      <c r="C16" s="141"/>
      <c r="D16" s="141"/>
      <c r="E16" s="18"/>
      <c r="F16" s="19"/>
    </row>
    <row r="17" spans="2:9" ht="5.0999999999999996" customHeight="1">
      <c r="B17" s="98"/>
      <c r="C17" s="98"/>
      <c r="D17" s="98"/>
      <c r="F17" s="15"/>
    </row>
    <row r="18" spans="2:9" s="2" customFormat="1" ht="20.100000000000001" customHeight="1">
      <c r="B18" s="117" t="s">
        <v>23</v>
      </c>
      <c r="C18" s="117"/>
      <c r="D18" s="117"/>
      <c r="E18" s="117"/>
      <c r="F18" s="117"/>
    </row>
    <row r="19" spans="2:9" ht="19.5" customHeight="1">
      <c r="B19" s="97" t="s">
        <v>409</v>
      </c>
      <c r="C19" s="97"/>
      <c r="D19" s="97"/>
      <c r="E19" s="97"/>
      <c r="F19" s="97"/>
    </row>
    <row r="20" spans="2:9" ht="5.0999999999999996" customHeight="1">
      <c r="B20" s="98"/>
      <c r="C20" s="98"/>
      <c r="D20" s="98"/>
      <c r="F20" s="15"/>
    </row>
    <row r="21" spans="2:9" s="2" customFormat="1" ht="20.100000000000001" customHeight="1">
      <c r="B21" s="117" t="s">
        <v>24</v>
      </c>
      <c r="C21" s="117"/>
      <c r="D21" s="117"/>
      <c r="E21" s="117"/>
      <c r="F21" s="117"/>
    </row>
    <row r="22" spans="2:9" s="9" customFormat="1" ht="20.100000000000001" customHeight="1">
      <c r="B22" s="110" t="s">
        <v>5</v>
      </c>
      <c r="C22" s="110"/>
      <c r="D22" s="110"/>
      <c r="E22" s="110"/>
      <c r="F22" s="110"/>
    </row>
    <row r="23" spans="2:9" s="9" customFormat="1" ht="20.100000000000001" customHeight="1">
      <c r="B23" s="113" t="s">
        <v>17</v>
      </c>
      <c r="C23" s="114"/>
      <c r="D23" s="14"/>
      <c r="E23" s="14"/>
      <c r="F23" s="14"/>
    </row>
    <row r="24" spans="2:9" s="9" customFormat="1" ht="20.100000000000001" customHeight="1">
      <c r="B24" s="13"/>
      <c r="C24" s="13" t="s">
        <v>21</v>
      </c>
      <c r="D24" s="14"/>
      <c r="E24" s="14"/>
      <c r="F24" s="14"/>
    </row>
    <row r="25" spans="2:9" s="9" customFormat="1" ht="20.100000000000001" customHeight="1">
      <c r="B25" s="13"/>
      <c r="C25" s="13" t="s">
        <v>22</v>
      </c>
      <c r="D25" s="14"/>
      <c r="E25" s="14"/>
      <c r="F25" s="14"/>
    </row>
    <row r="26" spans="2:9" s="9" customFormat="1" ht="20.100000000000001" customHeight="1">
      <c r="B26" s="113" t="s">
        <v>18</v>
      </c>
      <c r="C26" s="114"/>
      <c r="D26" s="14"/>
      <c r="E26" s="14"/>
      <c r="F26" s="14"/>
    </row>
    <row r="27" spans="2:9" s="9" customFormat="1" ht="31.5" customHeight="1">
      <c r="B27" s="16" t="s">
        <v>19</v>
      </c>
      <c r="C27" s="111" t="s">
        <v>12</v>
      </c>
      <c r="D27" s="112"/>
      <c r="E27" s="17" t="s">
        <v>11</v>
      </c>
      <c r="F27" s="17" t="s">
        <v>13</v>
      </c>
    </row>
    <row r="28" spans="2:9" s="9" customFormat="1" ht="24.95" customHeight="1">
      <c r="B28" s="89" t="s">
        <v>1</v>
      </c>
      <c r="C28" s="130" t="s">
        <v>87</v>
      </c>
      <c r="D28" s="131"/>
      <c r="E28" s="90" t="s">
        <v>410</v>
      </c>
      <c r="F28" s="91">
        <v>36</v>
      </c>
      <c r="I28" s="50"/>
    </row>
    <row r="29" spans="2:9" s="9" customFormat="1" ht="4.5" customHeight="1">
      <c r="B29" s="14"/>
      <c r="C29" s="14"/>
      <c r="D29" s="14"/>
      <c r="E29" s="14"/>
      <c r="F29" s="14"/>
    </row>
    <row r="30" spans="2:9" s="9" customFormat="1" ht="20.100000000000001" customHeight="1">
      <c r="B30" s="113" t="s">
        <v>20</v>
      </c>
      <c r="C30" s="114"/>
      <c r="D30" s="14"/>
      <c r="E30" s="14"/>
      <c r="F30" s="14"/>
    </row>
    <row r="31" spans="2:9" s="9" customFormat="1" ht="20.100000000000001" customHeight="1">
      <c r="B31" s="10"/>
      <c r="C31" s="9" t="s">
        <v>2</v>
      </c>
      <c r="D31" s="14"/>
      <c r="E31" s="14"/>
      <c r="F31" s="14"/>
    </row>
    <row r="32" spans="2:9" s="9" customFormat="1" ht="20.100000000000001" customHeight="1">
      <c r="B32" s="13"/>
      <c r="C32" s="2" t="s">
        <v>3</v>
      </c>
      <c r="D32" s="14"/>
      <c r="E32" s="14"/>
      <c r="F32" s="14"/>
    </row>
    <row r="33" spans="2:7" ht="5.0999999999999996" customHeight="1"/>
    <row r="34" spans="2:7" s="2" customFormat="1" ht="20.100000000000001" customHeight="1">
      <c r="B34" s="117" t="s">
        <v>25</v>
      </c>
      <c r="C34" s="117"/>
      <c r="D34" s="117"/>
      <c r="E34" s="117"/>
      <c r="F34" s="117"/>
    </row>
    <row r="35" spans="2:7" s="2" customFormat="1" ht="5.0999999999999996" customHeight="1" thickBot="1">
      <c r="B35" s="15"/>
      <c r="D35" s="6"/>
      <c r="E35" s="6"/>
      <c r="F35" s="6"/>
    </row>
    <row r="36" spans="2:7" s="3" customFormat="1" ht="93" customHeight="1">
      <c r="B36" s="118" t="s">
        <v>0</v>
      </c>
      <c r="C36" s="119"/>
      <c r="D36" s="99" t="s">
        <v>26</v>
      </c>
      <c r="E36" s="100"/>
      <c r="F36" s="101"/>
      <c r="G36" s="22"/>
    </row>
    <row r="37" spans="2:7" s="3" customFormat="1" ht="30" customHeight="1" thickBot="1">
      <c r="B37" s="120"/>
      <c r="C37" s="121"/>
      <c r="D37" s="23" t="s">
        <v>27</v>
      </c>
      <c r="E37" s="108" t="s">
        <v>28</v>
      </c>
      <c r="F37" s="109"/>
    </row>
    <row r="38" spans="2:7" s="24" customFormat="1" ht="30.75" customHeight="1">
      <c r="B38" s="104" t="s">
        <v>56</v>
      </c>
      <c r="C38" s="105"/>
      <c r="D38" s="106"/>
      <c r="E38" s="106"/>
      <c r="F38" s="107"/>
    </row>
    <row r="39" spans="2:7" s="4" customFormat="1" ht="20.25" customHeight="1">
      <c r="B39" s="81">
        <v>2</v>
      </c>
      <c r="C39" s="55" t="s">
        <v>57</v>
      </c>
      <c r="D39" s="47" t="s">
        <v>55</v>
      </c>
      <c r="E39" s="115"/>
      <c r="F39" s="116"/>
    </row>
    <row r="40" spans="2:7" s="4" customFormat="1" ht="51">
      <c r="B40" s="82" t="s">
        <v>54</v>
      </c>
      <c r="C40" s="73" t="s">
        <v>90</v>
      </c>
      <c r="D40" s="47"/>
      <c r="E40" s="79"/>
      <c r="F40" s="80"/>
    </row>
    <row r="41" spans="2:7" s="4" customFormat="1" ht="25.5">
      <c r="B41" s="148" t="s">
        <v>53</v>
      </c>
      <c r="C41" s="73" t="s">
        <v>91</v>
      </c>
      <c r="D41" s="47"/>
      <c r="E41" s="79"/>
      <c r="F41" s="80"/>
    </row>
    <row r="42" spans="2:7" s="4" customFormat="1" ht="25.5">
      <c r="B42" s="149"/>
      <c r="C42" s="73" t="s">
        <v>92</v>
      </c>
      <c r="D42" s="47"/>
      <c r="E42" s="79"/>
      <c r="F42" s="80"/>
    </row>
    <row r="43" spans="2:7" s="4" customFormat="1">
      <c r="B43" s="149"/>
      <c r="C43" s="73" t="s">
        <v>93</v>
      </c>
      <c r="D43" s="47"/>
      <c r="E43" s="79"/>
      <c r="F43" s="80"/>
    </row>
    <row r="44" spans="2:7" s="4" customFormat="1">
      <c r="B44" s="149"/>
      <c r="C44" s="73" t="s">
        <v>94</v>
      </c>
      <c r="D44" s="47"/>
      <c r="E44" s="79"/>
      <c r="F44" s="80"/>
    </row>
    <row r="45" spans="2:7" s="4" customFormat="1">
      <c r="B45" s="149"/>
      <c r="C45" s="73" t="s">
        <v>117</v>
      </c>
      <c r="D45" s="47"/>
      <c r="E45" s="79"/>
      <c r="F45" s="80"/>
    </row>
    <row r="46" spans="2:7" s="4" customFormat="1" ht="25.5">
      <c r="B46" s="150" t="s">
        <v>59</v>
      </c>
      <c r="C46" s="74" t="s">
        <v>71</v>
      </c>
      <c r="D46" s="47"/>
      <c r="E46" s="79"/>
      <c r="F46" s="80"/>
    </row>
    <row r="47" spans="2:7" s="4" customFormat="1" ht="25.5">
      <c r="B47" s="151"/>
      <c r="C47" s="74" t="s">
        <v>72</v>
      </c>
      <c r="D47" s="47"/>
      <c r="E47" s="79"/>
      <c r="F47" s="80"/>
    </row>
    <row r="48" spans="2:7" s="4" customFormat="1" ht="25.5">
      <c r="B48" s="151"/>
      <c r="C48" s="74" t="s">
        <v>73</v>
      </c>
      <c r="D48" s="47"/>
      <c r="E48" s="79"/>
      <c r="F48" s="80"/>
    </row>
    <row r="49" spans="2:6" s="4" customFormat="1" ht="24">
      <c r="B49" s="151"/>
      <c r="C49" s="72" t="s">
        <v>74</v>
      </c>
      <c r="D49" s="47"/>
      <c r="E49" s="79"/>
      <c r="F49" s="80"/>
    </row>
    <row r="50" spans="2:6" s="4" customFormat="1" ht="69.75" customHeight="1">
      <c r="B50" s="151"/>
      <c r="C50" s="74" t="s">
        <v>75</v>
      </c>
      <c r="D50" s="47"/>
      <c r="E50" s="79"/>
      <c r="F50" s="80"/>
    </row>
    <row r="51" spans="2:6" s="4" customFormat="1" ht="63.75">
      <c r="B51" s="151"/>
      <c r="C51" s="74" t="s">
        <v>76</v>
      </c>
      <c r="D51" s="47"/>
      <c r="E51" s="79"/>
      <c r="F51" s="80"/>
    </row>
    <row r="52" spans="2:6" s="4" customFormat="1" ht="25.5">
      <c r="B52" s="151"/>
      <c r="C52" s="74" t="s">
        <v>77</v>
      </c>
      <c r="D52" s="47"/>
      <c r="E52" s="79"/>
      <c r="F52" s="80"/>
    </row>
    <row r="53" spans="2:6" s="4" customFormat="1">
      <c r="B53" s="151"/>
      <c r="C53" s="74" t="s">
        <v>78</v>
      </c>
      <c r="D53" s="47"/>
      <c r="E53" s="79"/>
      <c r="F53" s="80"/>
    </row>
    <row r="54" spans="2:6" s="4" customFormat="1" ht="25.5">
      <c r="B54" s="151"/>
      <c r="C54" s="74" t="s">
        <v>79</v>
      </c>
      <c r="D54" s="47"/>
      <c r="E54" s="79"/>
      <c r="F54" s="80"/>
    </row>
    <row r="55" spans="2:6" s="4" customFormat="1" ht="51">
      <c r="B55" s="151"/>
      <c r="C55" s="74" t="s">
        <v>80</v>
      </c>
      <c r="D55" s="47"/>
      <c r="E55" s="79"/>
      <c r="F55" s="80"/>
    </row>
    <row r="56" spans="2:6" s="4" customFormat="1" ht="16.5" customHeight="1">
      <c r="B56" s="152"/>
      <c r="C56" s="75" t="s">
        <v>81</v>
      </c>
      <c r="D56" s="47"/>
      <c r="E56" s="79"/>
      <c r="F56" s="80"/>
    </row>
    <row r="57" spans="2:6" s="4" customFormat="1" ht="38.25">
      <c r="B57" s="150" t="s">
        <v>60</v>
      </c>
      <c r="C57" s="26" t="s">
        <v>95</v>
      </c>
      <c r="D57" s="47"/>
      <c r="E57" s="79"/>
      <c r="F57" s="80"/>
    </row>
    <row r="58" spans="2:6" s="4" customFormat="1" ht="25.5">
      <c r="B58" s="151"/>
      <c r="C58" s="26" t="s">
        <v>96</v>
      </c>
      <c r="D58" s="47"/>
      <c r="E58" s="79"/>
      <c r="F58" s="80"/>
    </row>
    <row r="59" spans="2:6" s="4" customFormat="1" ht="51">
      <c r="B59" s="151"/>
      <c r="C59" s="26" t="s">
        <v>97</v>
      </c>
      <c r="D59" s="47"/>
      <c r="E59" s="79"/>
      <c r="F59" s="80"/>
    </row>
    <row r="60" spans="2:6" s="4" customFormat="1" ht="51">
      <c r="B60" s="151"/>
      <c r="C60" s="26" t="s">
        <v>83</v>
      </c>
      <c r="D60" s="47"/>
      <c r="E60" s="79"/>
      <c r="F60" s="80"/>
    </row>
    <row r="61" spans="2:6" s="4" customFormat="1" ht="25.5">
      <c r="B61" s="151"/>
      <c r="C61" s="26" t="s">
        <v>82</v>
      </c>
      <c r="D61" s="47"/>
      <c r="E61" s="79"/>
      <c r="F61" s="80"/>
    </row>
    <row r="62" spans="2:6" s="4" customFormat="1" ht="76.5">
      <c r="B62" s="152"/>
      <c r="C62" s="26" t="s">
        <v>98</v>
      </c>
      <c r="D62" s="47"/>
      <c r="E62" s="79"/>
      <c r="F62" s="80"/>
    </row>
    <row r="63" spans="2:6" s="4" customFormat="1" ht="38.25">
      <c r="B63" s="66" t="s">
        <v>61</v>
      </c>
      <c r="C63" s="26" t="s">
        <v>99</v>
      </c>
      <c r="D63" s="47"/>
      <c r="E63" s="79"/>
      <c r="F63" s="80"/>
    </row>
    <row r="64" spans="2:6" s="4" customFormat="1" ht="140.25">
      <c r="B64" s="66" t="s">
        <v>66</v>
      </c>
      <c r="C64" s="26" t="s">
        <v>62</v>
      </c>
      <c r="D64" s="47"/>
      <c r="E64" s="79"/>
      <c r="F64" s="80"/>
    </row>
    <row r="65" spans="2:6" s="4" customFormat="1" ht="51">
      <c r="B65" s="66" t="s">
        <v>107</v>
      </c>
      <c r="C65" s="26" t="s">
        <v>108</v>
      </c>
      <c r="D65" s="47"/>
      <c r="E65" s="79"/>
      <c r="F65" s="80"/>
    </row>
    <row r="66" spans="2:6" s="4" customFormat="1" ht="25.5">
      <c r="B66" s="77" t="s">
        <v>69</v>
      </c>
      <c r="C66" s="78" t="s">
        <v>118</v>
      </c>
      <c r="D66" s="47"/>
      <c r="E66" s="79"/>
      <c r="F66" s="80"/>
    </row>
    <row r="67" spans="2:6" s="4" customFormat="1" ht="25.5">
      <c r="B67" s="77" t="s">
        <v>106</v>
      </c>
      <c r="C67" s="78" t="s">
        <v>109</v>
      </c>
      <c r="D67" s="47"/>
      <c r="E67" s="79"/>
      <c r="F67" s="80"/>
    </row>
    <row r="68" spans="2:6" s="4" customFormat="1" ht="51">
      <c r="B68" s="153" t="s">
        <v>100</v>
      </c>
      <c r="C68" s="76" t="s">
        <v>110</v>
      </c>
      <c r="D68" s="47"/>
      <c r="E68" s="79"/>
      <c r="F68" s="80"/>
    </row>
    <row r="69" spans="2:6" s="4" customFormat="1" ht="25.5">
      <c r="B69" s="154"/>
      <c r="C69" s="76" t="s">
        <v>111</v>
      </c>
      <c r="D69" s="47"/>
      <c r="E69" s="79"/>
      <c r="F69" s="80"/>
    </row>
    <row r="70" spans="2:6" s="4" customFormat="1" ht="25.5">
      <c r="B70" s="154"/>
      <c r="C70" s="76" t="s">
        <v>84</v>
      </c>
      <c r="D70" s="47"/>
      <c r="E70" s="79"/>
      <c r="F70" s="80"/>
    </row>
    <row r="71" spans="2:6" s="4" customFormat="1">
      <c r="B71" s="154"/>
      <c r="C71" s="76" t="s">
        <v>85</v>
      </c>
      <c r="D71" s="47"/>
      <c r="E71" s="79"/>
      <c r="F71" s="80"/>
    </row>
    <row r="72" spans="2:6" s="4" customFormat="1" ht="51">
      <c r="B72" s="154"/>
      <c r="C72" s="76" t="s">
        <v>112</v>
      </c>
      <c r="D72" s="47"/>
      <c r="E72" s="79"/>
      <c r="F72" s="80"/>
    </row>
    <row r="73" spans="2:6" s="4" customFormat="1" ht="25.5">
      <c r="B73" s="154"/>
      <c r="C73" s="76" t="s">
        <v>86</v>
      </c>
      <c r="D73" s="47"/>
      <c r="E73" s="79"/>
      <c r="F73" s="80"/>
    </row>
    <row r="74" spans="2:6" s="4" customFormat="1" ht="38.25">
      <c r="B74" s="155"/>
      <c r="C74" s="76" t="s">
        <v>113</v>
      </c>
      <c r="D74" s="47"/>
      <c r="E74" s="79"/>
      <c r="F74" s="80"/>
    </row>
    <row r="75" spans="2:6" s="4" customFormat="1" ht="65.25" customHeight="1">
      <c r="B75" s="77" t="s">
        <v>101</v>
      </c>
      <c r="C75" s="76" t="s">
        <v>65</v>
      </c>
      <c r="D75" s="47"/>
      <c r="E75" s="79"/>
      <c r="F75" s="80"/>
    </row>
    <row r="76" spans="2:6" s="4" customFormat="1" ht="25.5">
      <c r="B76" s="77" t="s">
        <v>102</v>
      </c>
      <c r="C76" s="78" t="s">
        <v>114</v>
      </c>
      <c r="D76" s="47"/>
      <c r="E76" s="79"/>
      <c r="F76" s="80"/>
    </row>
    <row r="77" spans="2:6" s="4" customFormat="1" ht="51">
      <c r="B77" s="77" t="s">
        <v>103</v>
      </c>
      <c r="C77" s="78" t="s">
        <v>67</v>
      </c>
      <c r="D77" s="47"/>
      <c r="E77" s="79"/>
      <c r="F77" s="80"/>
    </row>
    <row r="78" spans="2:6" s="4" customFormat="1" ht="36">
      <c r="B78" s="77" t="s">
        <v>104</v>
      </c>
      <c r="C78" s="72" t="s">
        <v>115</v>
      </c>
      <c r="D78" s="47"/>
      <c r="E78" s="79"/>
      <c r="F78" s="80"/>
    </row>
    <row r="79" spans="2:6" s="4" customFormat="1" ht="39" thickBot="1">
      <c r="B79" s="92" t="s">
        <v>105</v>
      </c>
      <c r="C79" s="93" t="s">
        <v>116</v>
      </c>
      <c r="D79" s="51"/>
      <c r="E79" s="94"/>
      <c r="F79" s="95"/>
    </row>
    <row r="80" spans="2:6" s="2" customFormat="1" ht="4.5" customHeight="1">
      <c r="B80" s="15"/>
      <c r="D80" s="69"/>
      <c r="E80" s="69"/>
      <c r="F80" s="69"/>
    </row>
    <row r="81" spans="1:6" s="2" customFormat="1" ht="20.100000000000001" customHeight="1">
      <c r="B81" s="117" t="s">
        <v>44</v>
      </c>
      <c r="C81" s="117"/>
      <c r="D81" s="117"/>
      <c r="E81" s="117"/>
      <c r="F81" s="117"/>
    </row>
    <row r="82" spans="1:6" s="2" customFormat="1" ht="5.0999999999999996" customHeight="1" thickBot="1">
      <c r="B82" s="15"/>
      <c r="D82" s="6"/>
      <c r="E82" s="6"/>
      <c r="F82" s="6"/>
    </row>
    <row r="83" spans="1:6" s="3" customFormat="1" ht="69" customHeight="1">
      <c r="B83" s="118" t="s">
        <v>7</v>
      </c>
      <c r="C83" s="119"/>
      <c r="D83" s="99" t="s">
        <v>29</v>
      </c>
      <c r="E83" s="100"/>
      <c r="F83" s="101"/>
    </row>
    <row r="84" spans="1:6" s="3" customFormat="1" ht="30" customHeight="1" thickBot="1">
      <c r="A84" s="54"/>
      <c r="B84" s="121"/>
      <c r="C84" s="121"/>
      <c r="D84" s="23" t="s">
        <v>6</v>
      </c>
      <c r="E84" s="102" t="s">
        <v>30</v>
      </c>
      <c r="F84" s="103"/>
    </row>
    <row r="85" spans="1:6" s="3" customFormat="1" ht="30" customHeight="1" thickBot="1">
      <c r="A85" s="54"/>
      <c r="B85" s="158" t="s">
        <v>88</v>
      </c>
      <c r="C85" s="159"/>
      <c r="D85" s="71" t="s">
        <v>55</v>
      </c>
      <c r="E85" s="156"/>
      <c r="F85" s="157"/>
    </row>
    <row r="86" spans="1:6" s="2" customFormat="1" ht="30" customHeight="1">
      <c r="B86" s="56" t="s">
        <v>129</v>
      </c>
      <c r="C86" s="55" t="s">
        <v>70</v>
      </c>
      <c r="D86" s="47" t="s">
        <v>55</v>
      </c>
      <c r="E86" s="124"/>
      <c r="F86" s="125"/>
    </row>
    <row r="87" spans="1:6" s="2" customFormat="1" ht="51">
      <c r="B87" s="46" t="s">
        <v>54</v>
      </c>
      <c r="C87" s="26" t="s">
        <v>119</v>
      </c>
      <c r="D87" s="47"/>
      <c r="E87" s="124"/>
      <c r="F87" s="125"/>
    </row>
    <row r="88" spans="1:6" s="2" customFormat="1" ht="51">
      <c r="B88" s="46" t="s">
        <v>58</v>
      </c>
      <c r="C88" s="26" t="s">
        <v>120</v>
      </c>
      <c r="D88" s="47"/>
      <c r="E88" s="124"/>
      <c r="F88" s="125"/>
    </row>
    <row r="89" spans="1:6" s="2" customFormat="1" ht="60">
      <c r="B89" s="46" t="s">
        <v>63</v>
      </c>
      <c r="C89" s="72" t="s">
        <v>121</v>
      </c>
      <c r="D89" s="47"/>
      <c r="E89" s="124"/>
      <c r="F89" s="125"/>
    </row>
    <row r="90" spans="1:6" s="2" customFormat="1" ht="114.75">
      <c r="B90" s="46" t="s">
        <v>60</v>
      </c>
      <c r="C90" s="26" t="s">
        <v>122</v>
      </c>
      <c r="D90" s="47"/>
      <c r="E90" s="124"/>
      <c r="F90" s="125"/>
    </row>
    <row r="91" spans="1:6" s="2" customFormat="1" ht="51">
      <c r="B91" s="46" t="s">
        <v>61</v>
      </c>
      <c r="C91" s="26" t="s">
        <v>123</v>
      </c>
      <c r="D91" s="47"/>
      <c r="E91" s="124"/>
      <c r="F91" s="125"/>
    </row>
    <row r="92" spans="1:6" s="2" customFormat="1" ht="89.25">
      <c r="B92" s="46" t="s">
        <v>66</v>
      </c>
      <c r="C92" s="26" t="s">
        <v>124</v>
      </c>
      <c r="D92" s="47"/>
      <c r="E92" s="124"/>
      <c r="F92" s="125"/>
    </row>
    <row r="93" spans="1:6" s="2" customFormat="1" ht="76.5">
      <c r="B93" s="46" t="s">
        <v>68</v>
      </c>
      <c r="C93" s="26" t="s">
        <v>125</v>
      </c>
      <c r="D93" s="47"/>
      <c r="E93" s="146"/>
      <c r="F93" s="147"/>
    </row>
    <row r="94" spans="1:6" s="2" customFormat="1" ht="114.75">
      <c r="B94" s="46" t="s">
        <v>69</v>
      </c>
      <c r="C94" s="26" t="s">
        <v>126</v>
      </c>
      <c r="D94" s="47"/>
      <c r="E94" s="146"/>
      <c r="F94" s="147"/>
    </row>
    <row r="95" spans="1:6" s="2" customFormat="1" ht="30" customHeight="1">
      <c r="B95" s="56" t="s">
        <v>127</v>
      </c>
      <c r="C95" s="55" t="s">
        <v>128</v>
      </c>
      <c r="D95" s="47" t="s">
        <v>55</v>
      </c>
      <c r="E95" s="124"/>
      <c r="F95" s="125"/>
    </row>
    <row r="96" spans="1:6" s="2" customFormat="1" ht="36">
      <c r="B96" s="46" t="s">
        <v>15</v>
      </c>
      <c r="C96" s="72" t="s">
        <v>130</v>
      </c>
      <c r="D96" s="47"/>
      <c r="E96" s="124"/>
      <c r="F96" s="125"/>
    </row>
    <row r="97" spans="2:6" s="2" customFormat="1" ht="38.25">
      <c r="B97" s="46" t="s">
        <v>53</v>
      </c>
      <c r="C97" s="26" t="s">
        <v>131</v>
      </c>
      <c r="D97" s="47"/>
      <c r="E97" s="124"/>
      <c r="F97" s="125"/>
    </row>
    <row r="98" spans="2:6" s="2" customFormat="1" ht="76.5">
      <c r="B98" s="46" t="s">
        <v>63</v>
      </c>
      <c r="C98" s="26" t="s">
        <v>132</v>
      </c>
      <c r="D98" s="47"/>
      <c r="E98" s="146"/>
      <c r="F98" s="147"/>
    </row>
    <row r="99" spans="2:6" s="2" customFormat="1" ht="17.25" customHeight="1">
      <c r="B99" s="46" t="s">
        <v>64</v>
      </c>
      <c r="C99" s="26" t="s">
        <v>133</v>
      </c>
      <c r="D99" s="47"/>
      <c r="E99" s="146"/>
      <c r="F99" s="147"/>
    </row>
    <row r="100" spans="2:6" s="2" customFormat="1" ht="38.25">
      <c r="B100" s="46" t="s">
        <v>61</v>
      </c>
      <c r="C100" s="26" t="s">
        <v>134</v>
      </c>
      <c r="D100" s="47"/>
      <c r="E100" s="146"/>
      <c r="F100" s="147"/>
    </row>
    <row r="101" spans="2:6" s="2" customFormat="1" ht="38.25">
      <c r="B101" s="46" t="s">
        <v>66</v>
      </c>
      <c r="C101" s="26" t="s">
        <v>473</v>
      </c>
      <c r="D101" s="47"/>
      <c r="E101" s="146"/>
      <c r="F101" s="147"/>
    </row>
    <row r="102" spans="2:6" s="2" customFormat="1" ht="178.5">
      <c r="B102" s="46" t="s">
        <v>68</v>
      </c>
      <c r="C102" s="26" t="s">
        <v>135</v>
      </c>
      <c r="D102" s="47"/>
      <c r="E102" s="146"/>
      <c r="F102" s="147"/>
    </row>
    <row r="103" spans="2:6" s="2" customFormat="1" ht="51">
      <c r="B103" s="46" t="s">
        <v>69</v>
      </c>
      <c r="C103" s="26" t="s">
        <v>136</v>
      </c>
      <c r="D103" s="47"/>
      <c r="E103" s="146"/>
      <c r="F103" s="147"/>
    </row>
    <row r="104" spans="2:6" s="2" customFormat="1" ht="89.25">
      <c r="B104" s="46" t="s">
        <v>106</v>
      </c>
      <c r="C104" s="26" t="s">
        <v>137</v>
      </c>
      <c r="D104" s="47"/>
      <c r="E104" s="146"/>
      <c r="F104" s="147"/>
    </row>
    <row r="105" spans="2:6" s="2" customFormat="1" ht="72">
      <c r="B105" s="46" t="s">
        <v>100</v>
      </c>
      <c r="C105" s="72" t="s">
        <v>138</v>
      </c>
      <c r="D105" s="47"/>
      <c r="E105" s="146"/>
      <c r="F105" s="147"/>
    </row>
    <row r="106" spans="2:6" s="2" customFormat="1" ht="63.75">
      <c r="B106" s="46" t="s">
        <v>101</v>
      </c>
      <c r="C106" s="26" t="s">
        <v>139</v>
      </c>
      <c r="D106" s="47"/>
      <c r="E106" s="124"/>
      <c r="F106" s="125"/>
    </row>
    <row r="107" spans="2:6" s="2" customFormat="1" ht="30" customHeight="1">
      <c r="B107" s="58" t="s">
        <v>140</v>
      </c>
      <c r="C107" s="55" t="s">
        <v>141</v>
      </c>
      <c r="D107" s="47" t="s">
        <v>55</v>
      </c>
      <c r="E107" s="124"/>
      <c r="F107" s="125"/>
    </row>
    <row r="108" spans="2:6" s="2" customFormat="1" ht="38.25">
      <c r="B108" s="52" t="s">
        <v>15</v>
      </c>
      <c r="C108" s="26" t="s">
        <v>142</v>
      </c>
      <c r="D108" s="47"/>
      <c r="E108" s="146"/>
      <c r="F108" s="147"/>
    </row>
    <row r="109" spans="2:6" s="2" customFormat="1" ht="102">
      <c r="B109" s="52" t="s">
        <v>58</v>
      </c>
      <c r="C109" s="26" t="s">
        <v>143</v>
      </c>
      <c r="D109" s="47"/>
      <c r="E109" s="146"/>
      <c r="F109" s="147"/>
    </row>
    <row r="110" spans="2:6" s="2" customFormat="1" ht="76.5">
      <c r="B110" s="66" t="s">
        <v>63</v>
      </c>
      <c r="C110" s="26" t="s">
        <v>144</v>
      </c>
      <c r="D110" s="47"/>
      <c r="E110" s="67"/>
      <c r="F110" s="68"/>
    </row>
    <row r="111" spans="2:6" s="2" customFormat="1" ht="114.75">
      <c r="B111" s="66" t="s">
        <v>64</v>
      </c>
      <c r="C111" s="26" t="s">
        <v>145</v>
      </c>
      <c r="D111" s="47"/>
      <c r="E111" s="67"/>
      <c r="F111" s="68"/>
    </row>
    <row r="112" spans="2:6" s="2" customFormat="1" ht="114.75">
      <c r="B112" s="52" t="s">
        <v>61</v>
      </c>
      <c r="C112" s="26" t="s">
        <v>146</v>
      </c>
      <c r="D112" s="47"/>
      <c r="E112" s="146"/>
      <c r="F112" s="147"/>
    </row>
    <row r="113" spans="2:6" s="2" customFormat="1" ht="30" customHeight="1">
      <c r="B113" s="63" t="s">
        <v>147</v>
      </c>
      <c r="C113" s="64" t="s">
        <v>160</v>
      </c>
      <c r="D113" s="60" t="s">
        <v>55</v>
      </c>
      <c r="E113" s="61"/>
      <c r="F113" s="62"/>
    </row>
    <row r="114" spans="2:6" s="2" customFormat="1" ht="25.5">
      <c r="B114" s="57" t="s">
        <v>54</v>
      </c>
      <c r="C114" s="59" t="s">
        <v>148</v>
      </c>
      <c r="D114" s="60"/>
      <c r="E114" s="61"/>
      <c r="F114" s="62"/>
    </row>
    <row r="115" spans="2:6" s="2" customFormat="1" ht="25.5">
      <c r="B115" s="57" t="s">
        <v>58</v>
      </c>
      <c r="C115" s="59" t="s">
        <v>149</v>
      </c>
      <c r="D115" s="60"/>
      <c r="E115" s="61"/>
      <c r="F115" s="62"/>
    </row>
    <row r="116" spans="2:6" s="2" customFormat="1" ht="25.5">
      <c r="B116" s="85" t="s">
        <v>152</v>
      </c>
      <c r="C116" s="59" t="s">
        <v>155</v>
      </c>
      <c r="D116" s="60"/>
      <c r="E116" s="61"/>
      <c r="F116" s="62"/>
    </row>
    <row r="117" spans="2:6" s="2" customFormat="1" ht="76.5">
      <c r="B117" s="85" t="s">
        <v>153</v>
      </c>
      <c r="C117" s="59" t="s">
        <v>156</v>
      </c>
      <c r="D117" s="60"/>
      <c r="E117" s="61"/>
      <c r="F117" s="62"/>
    </row>
    <row r="118" spans="2:6" s="2" customFormat="1" ht="51">
      <c r="B118" s="85" t="s">
        <v>154</v>
      </c>
      <c r="C118" s="59" t="s">
        <v>157</v>
      </c>
      <c r="D118" s="60"/>
      <c r="E118" s="61"/>
      <c r="F118" s="62"/>
    </row>
    <row r="119" spans="2:6" s="2" customFormat="1" ht="30" customHeight="1">
      <c r="B119" s="63" t="s">
        <v>158</v>
      </c>
      <c r="C119" s="64" t="s">
        <v>159</v>
      </c>
      <c r="D119" s="60" t="s">
        <v>55</v>
      </c>
      <c r="E119" s="61"/>
      <c r="F119" s="62"/>
    </row>
    <row r="120" spans="2:6" s="2" customFormat="1" ht="38.25">
      <c r="B120" s="65" t="s">
        <v>15</v>
      </c>
      <c r="C120" s="59" t="s">
        <v>162</v>
      </c>
      <c r="D120" s="60"/>
      <c r="E120" s="61"/>
      <c r="F120" s="62"/>
    </row>
    <row r="121" spans="2:6" s="2" customFormat="1" ht="22.5" customHeight="1">
      <c r="B121" s="65" t="s">
        <v>53</v>
      </c>
      <c r="C121" s="59" t="s">
        <v>163</v>
      </c>
      <c r="D121" s="60"/>
      <c r="E121" s="61"/>
      <c r="F121" s="62"/>
    </row>
    <row r="122" spans="2:6" s="2" customFormat="1" ht="102">
      <c r="B122" s="65" t="s">
        <v>63</v>
      </c>
      <c r="C122" s="59" t="s">
        <v>164</v>
      </c>
      <c r="D122" s="60"/>
      <c r="E122" s="61"/>
      <c r="F122" s="62"/>
    </row>
    <row r="123" spans="2:6" s="2" customFormat="1" ht="25.5">
      <c r="B123" s="65" t="s">
        <v>64</v>
      </c>
      <c r="C123" s="59" t="s">
        <v>165</v>
      </c>
      <c r="D123" s="60"/>
      <c r="E123" s="61"/>
      <c r="F123" s="62"/>
    </row>
    <row r="124" spans="2:6" s="2" customFormat="1" ht="140.25">
      <c r="B124" s="65" t="s">
        <v>61</v>
      </c>
      <c r="C124" s="59" t="s">
        <v>166</v>
      </c>
      <c r="D124" s="60"/>
      <c r="E124" s="61"/>
      <c r="F124" s="62"/>
    </row>
    <row r="125" spans="2:6" s="2" customFormat="1" ht="51">
      <c r="B125" s="65" t="s">
        <v>66</v>
      </c>
      <c r="C125" s="59" t="s">
        <v>167</v>
      </c>
      <c r="D125" s="60"/>
      <c r="E125" s="61"/>
      <c r="F125" s="62"/>
    </row>
    <row r="126" spans="2:6" s="2" customFormat="1" ht="25.5">
      <c r="B126" s="65" t="s">
        <v>68</v>
      </c>
      <c r="C126" s="59" t="s">
        <v>168</v>
      </c>
      <c r="D126" s="60"/>
      <c r="E126" s="61"/>
      <c r="F126" s="62"/>
    </row>
    <row r="127" spans="2:6" s="2" customFormat="1" ht="30" customHeight="1">
      <c r="B127" s="63" t="s">
        <v>169</v>
      </c>
      <c r="C127" s="64" t="s">
        <v>170</v>
      </c>
      <c r="D127" s="60"/>
      <c r="E127" s="61"/>
      <c r="F127" s="62"/>
    </row>
    <row r="128" spans="2:6" s="2" customFormat="1" ht="38.25">
      <c r="B128" s="65" t="s">
        <v>15</v>
      </c>
      <c r="C128" s="59" t="s">
        <v>171</v>
      </c>
      <c r="D128" s="60"/>
      <c r="E128" s="61"/>
      <c r="F128" s="62"/>
    </row>
    <row r="129" spans="1:6" s="2" customFormat="1" ht="63.75">
      <c r="B129" s="65" t="s">
        <v>53</v>
      </c>
      <c r="C129" s="59" t="s">
        <v>172</v>
      </c>
      <c r="D129" s="60"/>
      <c r="E129" s="61"/>
      <c r="F129" s="62"/>
    </row>
    <row r="130" spans="1:6" s="2" customFormat="1" ht="38.25">
      <c r="B130" s="65" t="s">
        <v>63</v>
      </c>
      <c r="C130" s="59" t="s">
        <v>173</v>
      </c>
      <c r="D130" s="60"/>
      <c r="E130" s="61"/>
      <c r="F130" s="62"/>
    </row>
    <row r="131" spans="1:6" s="2" customFormat="1" ht="63.75">
      <c r="B131" s="65" t="s">
        <v>64</v>
      </c>
      <c r="C131" s="59" t="s">
        <v>174</v>
      </c>
      <c r="D131" s="60"/>
      <c r="E131" s="61"/>
      <c r="F131" s="62"/>
    </row>
    <row r="132" spans="1:6" s="2" customFormat="1" ht="76.5">
      <c r="B132" s="65" t="s">
        <v>61</v>
      </c>
      <c r="C132" s="59" t="s">
        <v>175</v>
      </c>
      <c r="D132" s="60"/>
      <c r="E132" s="61"/>
      <c r="F132" s="62"/>
    </row>
    <row r="133" spans="1:6" s="2" customFormat="1" ht="25.5">
      <c r="B133" s="65" t="s">
        <v>66</v>
      </c>
      <c r="C133" s="59" t="s">
        <v>176</v>
      </c>
      <c r="D133" s="60"/>
      <c r="E133" s="61"/>
      <c r="F133" s="62"/>
    </row>
    <row r="134" spans="1:6" s="2" customFormat="1" ht="99.75" customHeight="1" thickBot="1">
      <c r="B134" s="65" t="s">
        <v>68</v>
      </c>
      <c r="C134" s="59" t="s">
        <v>411</v>
      </c>
      <c r="D134" s="60"/>
      <c r="E134" s="87"/>
      <c r="F134" s="88"/>
    </row>
    <row r="135" spans="1:6" s="3" customFormat="1" ht="42" customHeight="1" thickBot="1">
      <c r="A135" s="54"/>
      <c r="B135" s="126" t="s">
        <v>89</v>
      </c>
      <c r="C135" s="127"/>
      <c r="D135" s="71" t="s">
        <v>55</v>
      </c>
      <c r="E135" s="128"/>
      <c r="F135" s="129"/>
    </row>
    <row r="136" spans="1:6" s="2" customFormat="1" ht="27" customHeight="1">
      <c r="B136" s="63" t="s">
        <v>161</v>
      </c>
      <c r="C136" s="64" t="s">
        <v>177</v>
      </c>
      <c r="D136" s="60" t="s">
        <v>55</v>
      </c>
      <c r="E136" s="83"/>
      <c r="F136" s="84"/>
    </row>
    <row r="137" spans="1:6" s="2" customFormat="1" ht="51">
      <c r="B137" s="65" t="s">
        <v>178</v>
      </c>
      <c r="C137" s="59" t="s">
        <v>184</v>
      </c>
      <c r="D137" s="60"/>
      <c r="E137" s="61"/>
      <c r="F137" s="62"/>
    </row>
    <row r="138" spans="1:6" s="2" customFormat="1" ht="25.5">
      <c r="B138" s="65" t="s">
        <v>179</v>
      </c>
      <c r="C138" s="59" t="s">
        <v>185</v>
      </c>
      <c r="D138" s="60"/>
      <c r="E138" s="61"/>
      <c r="F138" s="62"/>
    </row>
    <row r="139" spans="1:6" s="2" customFormat="1" ht="63.75">
      <c r="B139" s="65" t="s">
        <v>180</v>
      </c>
      <c r="C139" s="59" t="s">
        <v>186</v>
      </c>
      <c r="D139" s="60"/>
      <c r="E139" s="61"/>
      <c r="F139" s="62"/>
    </row>
    <row r="140" spans="1:6" s="2" customFormat="1" ht="38.25">
      <c r="B140" s="65" t="s">
        <v>181</v>
      </c>
      <c r="C140" s="59" t="s">
        <v>187</v>
      </c>
      <c r="D140" s="60"/>
      <c r="E140" s="61"/>
      <c r="F140" s="62"/>
    </row>
    <row r="141" spans="1:6" s="2" customFormat="1" ht="102">
      <c r="B141" s="65" t="s">
        <v>182</v>
      </c>
      <c r="C141" s="59" t="s">
        <v>188</v>
      </c>
      <c r="D141" s="60"/>
      <c r="E141" s="61"/>
      <c r="F141" s="62"/>
    </row>
    <row r="142" spans="1:6" s="2" customFormat="1" ht="25.5">
      <c r="B142" s="65" t="s">
        <v>183</v>
      </c>
      <c r="C142" s="59" t="s">
        <v>189</v>
      </c>
      <c r="D142" s="60"/>
      <c r="E142" s="61"/>
      <c r="F142" s="62"/>
    </row>
    <row r="143" spans="1:6" s="2" customFormat="1" ht="27" customHeight="1">
      <c r="B143" s="63" t="s">
        <v>151</v>
      </c>
      <c r="C143" s="64" t="s">
        <v>190</v>
      </c>
      <c r="D143" s="60" t="s">
        <v>55</v>
      </c>
      <c r="E143" s="61"/>
      <c r="F143" s="62"/>
    </row>
    <row r="144" spans="1:6" s="2" customFormat="1" ht="25.5">
      <c r="B144" s="65" t="s">
        <v>150</v>
      </c>
      <c r="C144" s="59" t="s">
        <v>198</v>
      </c>
      <c r="D144" s="60"/>
      <c r="E144" s="61"/>
      <c r="F144" s="62"/>
    </row>
    <row r="145" spans="2:6" s="2" customFormat="1" ht="51">
      <c r="B145" s="65" t="s">
        <v>191</v>
      </c>
      <c r="C145" s="59" t="s">
        <v>200</v>
      </c>
      <c r="D145" s="60"/>
      <c r="E145" s="61"/>
      <c r="F145" s="62"/>
    </row>
    <row r="146" spans="2:6" s="2" customFormat="1" ht="51">
      <c r="B146" s="65" t="s">
        <v>192</v>
      </c>
      <c r="C146" s="59" t="s">
        <v>199</v>
      </c>
      <c r="D146" s="60"/>
      <c r="E146" s="61"/>
      <c r="F146" s="62"/>
    </row>
    <row r="147" spans="2:6" s="2" customFormat="1" ht="76.5">
      <c r="B147" s="65" t="s">
        <v>193</v>
      </c>
      <c r="C147" s="59" t="s">
        <v>201</v>
      </c>
      <c r="D147" s="60"/>
      <c r="E147" s="61"/>
      <c r="F147" s="62"/>
    </row>
    <row r="148" spans="2:6" s="2" customFormat="1" ht="38.25">
      <c r="B148" s="65" t="s">
        <v>194</v>
      </c>
      <c r="C148" s="59" t="s">
        <v>202</v>
      </c>
      <c r="D148" s="60"/>
      <c r="E148" s="61"/>
      <c r="F148" s="62"/>
    </row>
    <row r="149" spans="2:6" s="2" customFormat="1" ht="63.75">
      <c r="B149" s="65" t="s">
        <v>195</v>
      </c>
      <c r="C149" s="59" t="s">
        <v>203</v>
      </c>
      <c r="D149" s="60"/>
      <c r="E149" s="61"/>
      <c r="F149" s="62"/>
    </row>
    <row r="150" spans="2:6" s="2" customFormat="1" ht="38.25">
      <c r="B150" s="65" t="s">
        <v>196</v>
      </c>
      <c r="C150" s="59" t="s">
        <v>204</v>
      </c>
      <c r="D150" s="60"/>
      <c r="E150" s="61"/>
      <c r="F150" s="62"/>
    </row>
    <row r="151" spans="2:6" s="2" customFormat="1" ht="76.5">
      <c r="B151" s="65" t="s">
        <v>197</v>
      </c>
      <c r="C151" s="59" t="s">
        <v>205</v>
      </c>
      <c r="D151" s="60"/>
      <c r="E151" s="61"/>
      <c r="F151" s="62"/>
    </row>
    <row r="152" spans="2:6" s="2" customFormat="1" ht="27" customHeight="1">
      <c r="B152" s="63" t="s">
        <v>129</v>
      </c>
      <c r="C152" s="64" t="s">
        <v>206</v>
      </c>
      <c r="D152" s="60"/>
      <c r="E152" s="61"/>
      <c r="F152" s="62"/>
    </row>
    <row r="153" spans="2:6" s="2" customFormat="1" ht="336" customHeight="1">
      <c r="B153" s="65" t="s">
        <v>207</v>
      </c>
      <c r="C153" s="59" t="s">
        <v>474</v>
      </c>
      <c r="D153" s="60"/>
      <c r="E153" s="61"/>
      <c r="F153" s="62"/>
    </row>
    <row r="154" spans="2:6" s="2" customFormat="1" ht="51">
      <c r="B154" s="65" t="s">
        <v>208</v>
      </c>
      <c r="C154" s="59" t="s">
        <v>215</v>
      </c>
      <c r="D154" s="60"/>
      <c r="E154" s="61"/>
      <c r="F154" s="62"/>
    </row>
    <row r="155" spans="2:6" s="2" customFormat="1" ht="63.75">
      <c r="B155" s="65" t="s">
        <v>209</v>
      </c>
      <c r="C155" s="59" t="s">
        <v>216</v>
      </c>
      <c r="D155" s="60"/>
      <c r="E155" s="61"/>
      <c r="F155" s="62"/>
    </row>
    <row r="156" spans="2:6" s="2" customFormat="1" ht="76.5">
      <c r="B156" s="65" t="s">
        <v>210</v>
      </c>
      <c r="C156" s="59" t="s">
        <v>217</v>
      </c>
      <c r="D156" s="60"/>
      <c r="E156" s="61"/>
      <c r="F156" s="62"/>
    </row>
    <row r="157" spans="2:6" s="2" customFormat="1" ht="63.75">
      <c r="B157" s="65" t="s">
        <v>211</v>
      </c>
      <c r="C157" s="59" t="s">
        <v>218</v>
      </c>
      <c r="D157" s="60"/>
      <c r="E157" s="61"/>
      <c r="F157" s="62"/>
    </row>
    <row r="158" spans="2:6" s="2" customFormat="1" ht="51">
      <c r="B158" s="65" t="s">
        <v>212</v>
      </c>
      <c r="C158" s="59" t="s">
        <v>219</v>
      </c>
      <c r="D158" s="60"/>
      <c r="E158" s="61"/>
      <c r="F158" s="62"/>
    </row>
    <row r="159" spans="2:6" s="2" customFormat="1" ht="89.25">
      <c r="B159" s="65" t="s">
        <v>213</v>
      </c>
      <c r="C159" s="59" t="s">
        <v>220</v>
      </c>
      <c r="D159" s="60"/>
      <c r="E159" s="61"/>
      <c r="F159" s="62"/>
    </row>
    <row r="160" spans="2:6" s="2" customFormat="1" ht="38.25">
      <c r="B160" s="65" t="s">
        <v>214</v>
      </c>
      <c r="C160" s="59" t="s">
        <v>221</v>
      </c>
      <c r="D160" s="60"/>
      <c r="E160" s="61"/>
      <c r="F160" s="62"/>
    </row>
    <row r="161" spans="2:6" s="2" customFormat="1" ht="27" customHeight="1">
      <c r="B161" s="63" t="s">
        <v>127</v>
      </c>
      <c r="C161" s="64" t="s">
        <v>222</v>
      </c>
      <c r="D161" s="60"/>
      <c r="E161" s="61"/>
      <c r="F161" s="62"/>
    </row>
    <row r="162" spans="2:6" s="2" customFormat="1" ht="89.25">
      <c r="B162" s="65" t="s">
        <v>223</v>
      </c>
      <c r="C162" s="59" t="s">
        <v>232</v>
      </c>
      <c r="D162" s="60"/>
      <c r="E162" s="61"/>
      <c r="F162" s="62"/>
    </row>
    <row r="163" spans="2:6" s="2" customFormat="1" ht="114.75">
      <c r="B163" s="65" t="s">
        <v>224</v>
      </c>
      <c r="C163" s="59" t="s">
        <v>233</v>
      </c>
      <c r="D163" s="60"/>
      <c r="E163" s="61"/>
      <c r="F163" s="62"/>
    </row>
    <row r="164" spans="2:6" s="2" customFormat="1" ht="38.25">
      <c r="B164" s="65" t="s">
        <v>225</v>
      </c>
      <c r="C164" s="59" t="s">
        <v>234</v>
      </c>
      <c r="D164" s="60"/>
      <c r="E164" s="61"/>
      <c r="F164" s="62"/>
    </row>
    <row r="165" spans="2:6" s="2" customFormat="1" ht="25.5">
      <c r="B165" s="65" t="s">
        <v>226</v>
      </c>
      <c r="C165" s="59" t="s">
        <v>235</v>
      </c>
      <c r="D165" s="60"/>
      <c r="E165" s="61"/>
      <c r="F165" s="62"/>
    </row>
    <row r="166" spans="2:6" s="2" customFormat="1" ht="25.5">
      <c r="B166" s="65" t="s">
        <v>227</v>
      </c>
      <c r="C166" s="59" t="s">
        <v>236</v>
      </c>
      <c r="D166" s="60"/>
      <c r="E166" s="61"/>
      <c r="F166" s="62"/>
    </row>
    <row r="167" spans="2:6" s="2" customFormat="1" ht="89.25">
      <c r="B167" s="65" t="s">
        <v>228</v>
      </c>
      <c r="C167" s="59" t="s">
        <v>237</v>
      </c>
      <c r="D167" s="60"/>
      <c r="E167" s="61"/>
      <c r="F167" s="62"/>
    </row>
    <row r="168" spans="2:6" s="2" customFormat="1" ht="25.5">
      <c r="B168" s="65" t="s">
        <v>229</v>
      </c>
      <c r="C168" s="59" t="s">
        <v>238</v>
      </c>
      <c r="D168" s="60"/>
      <c r="E168" s="61"/>
      <c r="F168" s="62"/>
    </row>
    <row r="169" spans="2:6" s="2" customFormat="1" ht="25.5">
      <c r="B169" s="65" t="s">
        <v>230</v>
      </c>
      <c r="C169" s="59" t="s">
        <v>239</v>
      </c>
      <c r="D169" s="60"/>
      <c r="E169" s="61"/>
      <c r="F169" s="62"/>
    </row>
    <row r="170" spans="2:6" s="2" customFormat="1" ht="27" customHeight="1">
      <c r="B170" s="63" t="s">
        <v>140</v>
      </c>
      <c r="C170" s="64" t="s">
        <v>231</v>
      </c>
      <c r="D170" s="60"/>
      <c r="E170" s="61"/>
      <c r="F170" s="62"/>
    </row>
    <row r="171" spans="2:6" s="2" customFormat="1" ht="102">
      <c r="B171" s="70" t="s">
        <v>240</v>
      </c>
      <c r="C171" s="59" t="s">
        <v>245</v>
      </c>
      <c r="D171" s="60"/>
      <c r="E171" s="61"/>
      <c r="F171" s="62"/>
    </row>
    <row r="172" spans="2:6" s="2" customFormat="1" ht="25.5">
      <c r="B172" s="70" t="s">
        <v>241</v>
      </c>
      <c r="C172" s="59" t="s">
        <v>246</v>
      </c>
      <c r="D172" s="60"/>
      <c r="E172" s="61"/>
      <c r="F172" s="62"/>
    </row>
    <row r="173" spans="2:6" s="2" customFormat="1" ht="25.5">
      <c r="B173" s="70" t="s">
        <v>242</v>
      </c>
      <c r="C173" s="59" t="s">
        <v>247</v>
      </c>
      <c r="D173" s="60"/>
      <c r="E173" s="61"/>
      <c r="F173" s="62"/>
    </row>
    <row r="174" spans="2:6" s="2" customFormat="1" ht="38.25">
      <c r="B174" s="70" t="s">
        <v>243</v>
      </c>
      <c r="C174" s="59" t="s">
        <v>248</v>
      </c>
      <c r="D174" s="60"/>
      <c r="E174" s="61"/>
      <c r="F174" s="62"/>
    </row>
    <row r="175" spans="2:6" s="2" customFormat="1" ht="51">
      <c r="B175" s="70" t="s">
        <v>244</v>
      </c>
      <c r="C175" s="59" t="s">
        <v>249</v>
      </c>
      <c r="D175" s="60"/>
      <c r="E175" s="61"/>
      <c r="F175" s="62"/>
    </row>
    <row r="176" spans="2:6" s="2" customFormat="1" ht="27" customHeight="1">
      <c r="B176" s="63" t="s">
        <v>147</v>
      </c>
      <c r="C176" s="64" t="s">
        <v>250</v>
      </c>
      <c r="D176" s="60"/>
      <c r="E176" s="61"/>
      <c r="F176" s="62"/>
    </row>
    <row r="177" spans="2:6" s="2" customFormat="1" ht="51">
      <c r="B177" s="70" t="s">
        <v>251</v>
      </c>
      <c r="C177" s="59" t="s">
        <v>255</v>
      </c>
      <c r="D177" s="60"/>
      <c r="E177" s="61"/>
      <c r="F177" s="62"/>
    </row>
    <row r="178" spans="2:6" s="2" customFormat="1" ht="57.75" customHeight="1">
      <c r="B178" s="70" t="s">
        <v>252</v>
      </c>
      <c r="C178" s="59" t="s">
        <v>412</v>
      </c>
      <c r="D178" s="60"/>
      <c r="E178" s="61"/>
      <c r="F178" s="62"/>
    </row>
    <row r="179" spans="2:6" s="2" customFormat="1" ht="38.25">
      <c r="B179" s="70" t="s">
        <v>253</v>
      </c>
      <c r="C179" s="26" t="s">
        <v>413</v>
      </c>
      <c r="D179" s="60"/>
      <c r="E179" s="61"/>
      <c r="F179" s="62"/>
    </row>
    <row r="180" spans="2:6" s="2" customFormat="1" ht="55.5" customHeight="1">
      <c r="B180" s="70" t="s">
        <v>254</v>
      </c>
      <c r="C180" s="26" t="s">
        <v>256</v>
      </c>
      <c r="D180" s="60"/>
      <c r="E180" s="61"/>
      <c r="F180" s="62"/>
    </row>
    <row r="181" spans="2:6" s="2" customFormat="1" ht="27" customHeight="1">
      <c r="B181" s="63" t="s">
        <v>158</v>
      </c>
      <c r="C181" s="64" t="s">
        <v>257</v>
      </c>
      <c r="D181" s="60"/>
      <c r="E181" s="61"/>
      <c r="F181" s="62"/>
    </row>
    <row r="182" spans="2:6" s="2" customFormat="1" ht="114.75">
      <c r="B182" s="70" t="s">
        <v>258</v>
      </c>
      <c r="C182" s="59" t="s">
        <v>279</v>
      </c>
      <c r="D182" s="60"/>
      <c r="E182" s="61"/>
      <c r="F182" s="62"/>
    </row>
    <row r="183" spans="2:6" s="2" customFormat="1" ht="38.25">
      <c r="B183" s="70" t="s">
        <v>259</v>
      </c>
      <c r="C183" s="59" t="s">
        <v>280</v>
      </c>
      <c r="D183" s="60"/>
      <c r="E183" s="61"/>
      <c r="F183" s="62"/>
    </row>
    <row r="184" spans="2:6" s="2" customFormat="1" ht="63.75">
      <c r="B184" s="70" t="s">
        <v>260</v>
      </c>
      <c r="C184" s="59" t="s">
        <v>281</v>
      </c>
      <c r="D184" s="60"/>
      <c r="E184" s="61"/>
      <c r="F184" s="62"/>
    </row>
    <row r="185" spans="2:6" s="2" customFormat="1" ht="51">
      <c r="B185" s="70" t="s">
        <v>261</v>
      </c>
      <c r="C185" s="59" t="s">
        <v>282</v>
      </c>
      <c r="D185" s="60"/>
      <c r="E185" s="61"/>
      <c r="F185" s="62"/>
    </row>
    <row r="186" spans="2:6" s="2" customFormat="1" ht="51">
      <c r="B186" s="70" t="s">
        <v>262</v>
      </c>
      <c r="C186" s="59" t="s">
        <v>283</v>
      </c>
      <c r="D186" s="60"/>
      <c r="E186" s="61"/>
      <c r="F186" s="62"/>
    </row>
    <row r="187" spans="2:6" s="2" customFormat="1" ht="24" customHeight="1">
      <c r="B187" s="70" t="s">
        <v>263</v>
      </c>
      <c r="C187" s="59" t="s">
        <v>284</v>
      </c>
      <c r="D187" s="60"/>
      <c r="E187" s="61"/>
      <c r="F187" s="62"/>
    </row>
    <row r="188" spans="2:6" s="2" customFormat="1" ht="89.25">
      <c r="B188" s="70" t="s">
        <v>264</v>
      </c>
      <c r="C188" s="59" t="s">
        <v>285</v>
      </c>
      <c r="D188" s="60"/>
      <c r="E188" s="61"/>
      <c r="F188" s="62"/>
    </row>
    <row r="189" spans="2:6" s="2" customFormat="1" ht="63.75">
      <c r="B189" s="70" t="s">
        <v>265</v>
      </c>
      <c r="C189" s="59" t="s">
        <v>286</v>
      </c>
      <c r="D189" s="60"/>
      <c r="E189" s="61"/>
      <c r="F189" s="62"/>
    </row>
    <row r="190" spans="2:6" s="2" customFormat="1" ht="27" customHeight="1">
      <c r="B190" s="63" t="s">
        <v>169</v>
      </c>
      <c r="C190" s="64" t="s">
        <v>266</v>
      </c>
      <c r="D190" s="60"/>
      <c r="E190" s="61"/>
      <c r="F190" s="62"/>
    </row>
    <row r="191" spans="2:6" s="2" customFormat="1" ht="76.5">
      <c r="B191" s="70" t="s">
        <v>267</v>
      </c>
      <c r="C191" s="59" t="s">
        <v>287</v>
      </c>
      <c r="D191" s="60"/>
      <c r="E191" s="61"/>
      <c r="F191" s="62"/>
    </row>
    <row r="192" spans="2:6" s="2" customFormat="1" ht="25.5">
      <c r="B192" s="70" t="s">
        <v>268</v>
      </c>
      <c r="C192" s="59" t="s">
        <v>288</v>
      </c>
      <c r="D192" s="60"/>
      <c r="E192" s="61"/>
      <c r="F192" s="62"/>
    </row>
    <row r="193" spans="2:6" s="2" customFormat="1" ht="51">
      <c r="B193" s="70" t="s">
        <v>269</v>
      </c>
      <c r="C193" s="59" t="s">
        <v>289</v>
      </c>
      <c r="D193" s="60"/>
      <c r="E193" s="61"/>
      <c r="F193" s="62"/>
    </row>
    <row r="194" spans="2:6" s="2" customFormat="1" ht="51">
      <c r="B194" s="70" t="s">
        <v>270</v>
      </c>
      <c r="C194" s="59" t="s">
        <v>290</v>
      </c>
      <c r="D194" s="60"/>
      <c r="E194" s="61"/>
      <c r="F194" s="62"/>
    </row>
    <row r="195" spans="2:6" s="2" customFormat="1" ht="38.25">
      <c r="B195" s="70" t="s">
        <v>271</v>
      </c>
      <c r="C195" s="59" t="s">
        <v>291</v>
      </c>
      <c r="D195" s="60"/>
      <c r="E195" s="61"/>
      <c r="F195" s="62"/>
    </row>
    <row r="196" spans="2:6" s="2" customFormat="1" ht="76.5">
      <c r="B196" s="70" t="s">
        <v>272</v>
      </c>
      <c r="C196" s="59" t="s">
        <v>292</v>
      </c>
      <c r="D196" s="60"/>
      <c r="E196" s="61"/>
      <c r="F196" s="62"/>
    </row>
    <row r="197" spans="2:6" s="2" customFormat="1" ht="25.5">
      <c r="B197" s="70" t="s">
        <v>273</v>
      </c>
      <c r="C197" s="59" t="s">
        <v>293</v>
      </c>
      <c r="D197" s="60"/>
      <c r="E197" s="61"/>
      <c r="F197" s="62"/>
    </row>
    <row r="198" spans="2:6" s="2" customFormat="1" ht="38.25">
      <c r="B198" s="70" t="s">
        <v>274</v>
      </c>
      <c r="C198" s="59" t="s">
        <v>294</v>
      </c>
      <c r="D198" s="60"/>
      <c r="E198" s="61"/>
      <c r="F198" s="62"/>
    </row>
    <row r="199" spans="2:6" s="2" customFormat="1" ht="38.25">
      <c r="B199" s="70" t="s">
        <v>275</v>
      </c>
      <c r="C199" s="59" t="s">
        <v>295</v>
      </c>
      <c r="D199" s="60"/>
      <c r="E199" s="61"/>
      <c r="F199" s="62"/>
    </row>
    <row r="200" spans="2:6" s="2" customFormat="1" ht="25.5">
      <c r="B200" s="70" t="s">
        <v>276</v>
      </c>
      <c r="C200" s="59" t="s">
        <v>296</v>
      </c>
      <c r="D200" s="60"/>
      <c r="E200" s="61"/>
      <c r="F200" s="62"/>
    </row>
    <row r="201" spans="2:6" s="2" customFormat="1" ht="51">
      <c r="B201" s="70" t="s">
        <v>277</v>
      </c>
      <c r="C201" s="59" t="s">
        <v>297</v>
      </c>
      <c r="D201" s="60"/>
      <c r="E201" s="61"/>
      <c r="F201" s="62"/>
    </row>
    <row r="202" spans="2:6" s="2" customFormat="1" ht="229.5">
      <c r="B202" s="70" t="s">
        <v>278</v>
      </c>
      <c r="C202" s="59" t="s">
        <v>298</v>
      </c>
      <c r="D202" s="60"/>
      <c r="E202" s="61"/>
      <c r="F202" s="62"/>
    </row>
    <row r="203" spans="2:6" s="2" customFormat="1" ht="27" customHeight="1">
      <c r="B203" s="63" t="s">
        <v>299</v>
      </c>
      <c r="C203" s="64" t="s">
        <v>300</v>
      </c>
      <c r="D203" s="60"/>
      <c r="E203" s="61"/>
      <c r="F203" s="62"/>
    </row>
    <row r="204" spans="2:6" s="2" customFormat="1" ht="114.75">
      <c r="B204" s="70" t="s">
        <v>301</v>
      </c>
      <c r="C204" s="59" t="s">
        <v>313</v>
      </c>
      <c r="D204" s="60"/>
      <c r="E204" s="61"/>
      <c r="F204" s="62"/>
    </row>
    <row r="205" spans="2:6" s="2" customFormat="1" ht="63.75">
      <c r="B205" s="70" t="s">
        <v>302</v>
      </c>
      <c r="C205" s="59" t="s">
        <v>314</v>
      </c>
      <c r="D205" s="60"/>
      <c r="E205" s="61"/>
      <c r="F205" s="62"/>
    </row>
    <row r="206" spans="2:6" s="2" customFormat="1" ht="51">
      <c r="B206" s="70" t="s">
        <v>303</v>
      </c>
      <c r="C206" s="59" t="s">
        <v>315</v>
      </c>
      <c r="D206" s="60"/>
      <c r="E206" s="61"/>
      <c r="F206" s="62"/>
    </row>
    <row r="207" spans="2:6" s="2" customFormat="1" ht="51">
      <c r="B207" s="70" t="s">
        <v>304</v>
      </c>
      <c r="C207" s="59" t="s">
        <v>316</v>
      </c>
      <c r="D207" s="60"/>
      <c r="E207" s="61"/>
      <c r="F207" s="62"/>
    </row>
    <row r="208" spans="2:6" s="2" customFormat="1" ht="25.5">
      <c r="B208" s="70" t="s">
        <v>305</v>
      </c>
      <c r="C208" s="59" t="s">
        <v>317</v>
      </c>
      <c r="D208" s="60"/>
      <c r="E208" s="61"/>
      <c r="F208" s="62"/>
    </row>
    <row r="209" spans="2:6" s="2" customFormat="1" ht="25.5">
      <c r="B209" s="70" t="s">
        <v>306</v>
      </c>
      <c r="C209" s="59" t="s">
        <v>318</v>
      </c>
      <c r="D209" s="60"/>
      <c r="E209" s="61"/>
      <c r="F209" s="62"/>
    </row>
    <row r="210" spans="2:6" s="2" customFormat="1" ht="63.75">
      <c r="B210" s="70" t="s">
        <v>307</v>
      </c>
      <c r="C210" s="59" t="s">
        <v>319</v>
      </c>
      <c r="D210" s="60"/>
      <c r="E210" s="61"/>
      <c r="F210" s="62"/>
    </row>
    <row r="211" spans="2:6" s="2" customFormat="1" ht="25.5">
      <c r="B211" s="70" t="s">
        <v>308</v>
      </c>
      <c r="C211" s="59" t="s">
        <v>320</v>
      </c>
      <c r="D211" s="60"/>
      <c r="E211" s="61"/>
      <c r="F211" s="62"/>
    </row>
    <row r="212" spans="2:6" s="2" customFormat="1" ht="76.5">
      <c r="B212" s="70" t="s">
        <v>309</v>
      </c>
      <c r="C212" s="59" t="s">
        <v>321</v>
      </c>
      <c r="D212" s="60"/>
      <c r="E212" s="61"/>
      <c r="F212" s="62"/>
    </row>
    <row r="213" spans="2:6" s="2" customFormat="1" ht="51">
      <c r="B213" s="70" t="s">
        <v>310</v>
      </c>
      <c r="C213" s="59" t="s">
        <v>322</v>
      </c>
      <c r="D213" s="60"/>
      <c r="E213" s="61"/>
      <c r="F213" s="62"/>
    </row>
    <row r="214" spans="2:6" s="2" customFormat="1" ht="51">
      <c r="B214" s="70" t="s">
        <v>311</v>
      </c>
      <c r="C214" s="59" t="s">
        <v>323</v>
      </c>
      <c r="D214" s="60"/>
      <c r="E214" s="61"/>
      <c r="F214" s="62"/>
    </row>
    <row r="215" spans="2:6" s="2" customFormat="1" ht="64.5" thickBot="1">
      <c r="B215" s="70" t="s">
        <v>312</v>
      </c>
      <c r="C215" s="59" t="s">
        <v>324</v>
      </c>
      <c r="D215" s="60"/>
      <c r="E215" s="87"/>
      <c r="F215" s="88"/>
    </row>
    <row r="216" spans="2:6" s="2" customFormat="1" ht="39" customHeight="1" thickBot="1">
      <c r="B216" s="126" t="s">
        <v>325</v>
      </c>
      <c r="C216" s="127"/>
      <c r="D216" s="71" t="s">
        <v>55</v>
      </c>
      <c r="E216" s="128"/>
      <c r="F216" s="129"/>
    </row>
    <row r="217" spans="2:6" s="2" customFormat="1" ht="27" customHeight="1">
      <c r="B217" s="63" t="s">
        <v>326</v>
      </c>
      <c r="C217" s="64" t="s">
        <v>327</v>
      </c>
      <c r="D217" s="60"/>
      <c r="E217" s="61"/>
      <c r="F217" s="62"/>
    </row>
    <row r="218" spans="2:6" s="2" customFormat="1" ht="76.5">
      <c r="B218" s="70" t="s">
        <v>15</v>
      </c>
      <c r="C218" s="59" t="s">
        <v>422</v>
      </c>
      <c r="D218" s="60"/>
      <c r="E218" s="61"/>
      <c r="F218" s="62"/>
    </row>
    <row r="219" spans="2:6" s="2" customFormat="1" ht="76.5">
      <c r="B219" s="70" t="s">
        <v>53</v>
      </c>
      <c r="C219" s="59" t="s">
        <v>423</v>
      </c>
      <c r="D219" s="60"/>
      <c r="E219" s="61"/>
      <c r="F219" s="62"/>
    </row>
    <row r="220" spans="2:6" s="2" customFormat="1" ht="89.25">
      <c r="B220" s="70" t="s">
        <v>63</v>
      </c>
      <c r="C220" s="59" t="s">
        <v>424</v>
      </c>
      <c r="D220" s="60"/>
      <c r="E220" s="61"/>
      <c r="F220" s="62"/>
    </row>
    <row r="221" spans="2:6" s="2" customFormat="1" ht="27" customHeight="1">
      <c r="B221" s="63" t="s">
        <v>328</v>
      </c>
      <c r="C221" s="64" t="s">
        <v>414</v>
      </c>
      <c r="D221" s="60"/>
      <c r="E221" s="61"/>
      <c r="F221" s="62"/>
    </row>
    <row r="222" spans="2:6" s="2" customFormat="1" ht="63.75">
      <c r="B222" s="70" t="s">
        <v>15</v>
      </c>
      <c r="C222" s="59" t="s">
        <v>329</v>
      </c>
      <c r="D222" s="60"/>
      <c r="E222" s="61"/>
      <c r="F222" s="62"/>
    </row>
    <row r="223" spans="2:6" s="2" customFormat="1" ht="63.75">
      <c r="B223" s="70" t="s">
        <v>53</v>
      </c>
      <c r="C223" s="59" t="s">
        <v>330</v>
      </c>
      <c r="D223" s="60"/>
      <c r="E223" s="61"/>
      <c r="F223" s="62"/>
    </row>
    <row r="224" spans="2:6" s="2" customFormat="1" ht="21" customHeight="1">
      <c r="B224" s="70" t="s">
        <v>63</v>
      </c>
      <c r="C224" s="59" t="s">
        <v>331</v>
      </c>
      <c r="D224" s="60"/>
      <c r="E224" s="61"/>
      <c r="F224" s="62"/>
    </row>
    <row r="225" spans="2:6" s="2" customFormat="1" ht="38.25">
      <c r="B225" s="70" t="s">
        <v>64</v>
      </c>
      <c r="C225" s="59" t="s">
        <v>332</v>
      </c>
      <c r="D225" s="60"/>
      <c r="E225" s="61"/>
      <c r="F225" s="62"/>
    </row>
    <row r="226" spans="2:6" s="2" customFormat="1" ht="178.5">
      <c r="B226" s="70" t="s">
        <v>61</v>
      </c>
      <c r="C226" s="59" t="s">
        <v>333</v>
      </c>
      <c r="D226" s="60"/>
      <c r="E226" s="61"/>
      <c r="F226" s="62"/>
    </row>
    <row r="227" spans="2:6" s="2" customFormat="1" ht="27" customHeight="1">
      <c r="B227" s="63" t="s">
        <v>334</v>
      </c>
      <c r="C227" s="64" t="s">
        <v>335</v>
      </c>
      <c r="D227" s="60"/>
      <c r="E227" s="61"/>
      <c r="F227" s="62"/>
    </row>
    <row r="228" spans="2:6" s="2" customFormat="1" ht="51">
      <c r="B228" s="86" t="s">
        <v>15</v>
      </c>
      <c r="C228" s="59" t="s">
        <v>336</v>
      </c>
      <c r="D228" s="60"/>
      <c r="E228" s="61"/>
      <c r="F228" s="62"/>
    </row>
    <row r="229" spans="2:6" s="2" customFormat="1" ht="27" customHeight="1">
      <c r="B229" s="63" t="s">
        <v>337</v>
      </c>
      <c r="C229" s="64" t="s">
        <v>338</v>
      </c>
      <c r="D229" s="60"/>
      <c r="E229" s="61"/>
      <c r="F229" s="62"/>
    </row>
    <row r="230" spans="2:6" s="2" customFormat="1" ht="51">
      <c r="B230" s="70" t="s">
        <v>15</v>
      </c>
      <c r="C230" s="59" t="s">
        <v>340</v>
      </c>
      <c r="D230" s="60"/>
      <c r="E230" s="61"/>
      <c r="F230" s="62"/>
    </row>
    <row r="231" spans="2:6" s="2" customFormat="1" ht="29.25" customHeight="1">
      <c r="B231" s="70" t="s">
        <v>53</v>
      </c>
      <c r="C231" s="59" t="s">
        <v>341</v>
      </c>
      <c r="D231" s="60"/>
      <c r="E231" s="61"/>
      <c r="F231" s="62"/>
    </row>
    <row r="232" spans="2:6" s="2" customFormat="1" ht="51">
      <c r="B232" s="70" t="s">
        <v>63</v>
      </c>
      <c r="C232" s="59" t="s">
        <v>342</v>
      </c>
      <c r="D232" s="60"/>
      <c r="E232" s="61"/>
      <c r="F232" s="62"/>
    </row>
    <row r="233" spans="2:6" s="2" customFormat="1" ht="181.5" customHeight="1">
      <c r="B233" s="70" t="s">
        <v>64</v>
      </c>
      <c r="C233" s="59" t="s">
        <v>415</v>
      </c>
      <c r="D233" s="60"/>
      <c r="E233" s="61"/>
      <c r="F233" s="62"/>
    </row>
    <row r="234" spans="2:6" s="2" customFormat="1" ht="51">
      <c r="B234" s="70" t="s">
        <v>61</v>
      </c>
      <c r="C234" s="59" t="s">
        <v>343</v>
      </c>
      <c r="D234" s="60"/>
      <c r="E234" s="61"/>
      <c r="F234" s="62"/>
    </row>
    <row r="235" spans="2:6" s="2" customFormat="1" ht="63.75">
      <c r="B235" s="70" t="s">
        <v>66</v>
      </c>
      <c r="C235" s="59" t="s">
        <v>344</v>
      </c>
      <c r="D235" s="60"/>
      <c r="E235" s="61"/>
      <c r="F235" s="62"/>
    </row>
    <row r="236" spans="2:6" s="2" customFormat="1" ht="153">
      <c r="B236" s="70" t="s">
        <v>68</v>
      </c>
      <c r="C236" s="59" t="s">
        <v>350</v>
      </c>
      <c r="D236" s="60"/>
      <c r="E236" s="61"/>
      <c r="F236" s="62"/>
    </row>
    <row r="237" spans="2:6" s="2" customFormat="1" ht="38.25">
      <c r="B237" s="70" t="s">
        <v>69</v>
      </c>
      <c r="C237" s="59" t="s">
        <v>345</v>
      </c>
      <c r="D237" s="60"/>
      <c r="E237" s="61"/>
      <c r="F237" s="62"/>
    </row>
    <row r="238" spans="2:6" s="2" customFormat="1" ht="63.75">
      <c r="B238" s="70" t="s">
        <v>106</v>
      </c>
      <c r="C238" s="59" t="s">
        <v>346</v>
      </c>
      <c r="D238" s="60"/>
      <c r="E238" s="61"/>
      <c r="F238" s="62"/>
    </row>
    <row r="239" spans="2:6" s="2" customFormat="1" ht="114.75">
      <c r="B239" s="70" t="s">
        <v>339</v>
      </c>
      <c r="C239" s="59" t="s">
        <v>347</v>
      </c>
      <c r="D239" s="60"/>
      <c r="E239" s="61"/>
      <c r="F239" s="62"/>
    </row>
    <row r="240" spans="2:6" s="2" customFormat="1" ht="387" customHeight="1">
      <c r="B240" s="70" t="s">
        <v>101</v>
      </c>
      <c r="C240" s="59" t="s">
        <v>416</v>
      </c>
      <c r="D240" s="60"/>
      <c r="E240" s="61"/>
      <c r="F240" s="62"/>
    </row>
    <row r="241" spans="2:6" s="2" customFormat="1" ht="121.5" customHeight="1">
      <c r="B241" s="70" t="s">
        <v>102</v>
      </c>
      <c r="C241" s="59" t="s">
        <v>425</v>
      </c>
      <c r="D241" s="60"/>
      <c r="E241" s="61"/>
      <c r="F241" s="62"/>
    </row>
    <row r="242" spans="2:6" s="2" customFormat="1" ht="27" customHeight="1">
      <c r="B242" s="63" t="s">
        <v>348</v>
      </c>
      <c r="C242" s="64" t="s">
        <v>349</v>
      </c>
      <c r="D242" s="60"/>
      <c r="E242" s="61"/>
      <c r="F242" s="62"/>
    </row>
    <row r="243" spans="2:6" s="2" customFormat="1" ht="102">
      <c r="B243" s="70" t="s">
        <v>15</v>
      </c>
      <c r="C243" s="59" t="s">
        <v>351</v>
      </c>
      <c r="D243" s="60"/>
      <c r="E243" s="61"/>
      <c r="F243" s="62"/>
    </row>
    <row r="244" spans="2:6" s="2" customFormat="1" ht="140.25">
      <c r="B244" s="70" t="s">
        <v>53</v>
      </c>
      <c r="C244" s="59" t="s">
        <v>352</v>
      </c>
      <c r="D244" s="60"/>
      <c r="E244" s="61"/>
      <c r="F244" s="62"/>
    </row>
    <row r="245" spans="2:6" s="2" customFormat="1" ht="76.5">
      <c r="B245" s="70" t="s">
        <v>63</v>
      </c>
      <c r="C245" s="59" t="s">
        <v>353</v>
      </c>
      <c r="D245" s="60"/>
      <c r="E245" s="61"/>
      <c r="F245" s="62"/>
    </row>
    <row r="246" spans="2:6" s="2" customFormat="1" ht="38.25">
      <c r="B246" s="70" t="s">
        <v>64</v>
      </c>
      <c r="C246" s="59" t="s">
        <v>354</v>
      </c>
      <c r="D246" s="60"/>
      <c r="E246" s="61"/>
      <c r="F246" s="62"/>
    </row>
    <row r="247" spans="2:6" s="2" customFormat="1" ht="63.75">
      <c r="B247" s="70" t="s">
        <v>61</v>
      </c>
      <c r="C247" s="59" t="s">
        <v>355</v>
      </c>
      <c r="D247" s="60"/>
      <c r="E247" s="61"/>
      <c r="F247" s="62"/>
    </row>
    <row r="248" spans="2:6" s="2" customFormat="1" ht="63.75">
      <c r="B248" s="70" t="s">
        <v>66</v>
      </c>
      <c r="C248" s="59" t="s">
        <v>356</v>
      </c>
      <c r="D248" s="60"/>
      <c r="E248" s="61"/>
      <c r="F248" s="62"/>
    </row>
    <row r="249" spans="2:6" s="2" customFormat="1" ht="27" customHeight="1">
      <c r="B249" s="63" t="s">
        <v>358</v>
      </c>
      <c r="C249" s="64" t="s">
        <v>357</v>
      </c>
      <c r="D249" s="60"/>
      <c r="E249" s="61"/>
      <c r="F249" s="62"/>
    </row>
    <row r="250" spans="2:6" s="2" customFormat="1" ht="140.25">
      <c r="B250" s="70" t="s">
        <v>15</v>
      </c>
      <c r="C250" s="59" t="s">
        <v>360</v>
      </c>
      <c r="D250" s="60"/>
      <c r="E250" s="61"/>
      <c r="F250" s="62"/>
    </row>
    <row r="251" spans="2:6" s="2" customFormat="1" ht="76.5">
      <c r="B251" s="70" t="s">
        <v>53</v>
      </c>
      <c r="C251" s="59" t="s">
        <v>361</v>
      </c>
      <c r="D251" s="60"/>
      <c r="E251" s="61"/>
      <c r="F251" s="62"/>
    </row>
    <row r="252" spans="2:6" s="2" customFormat="1" ht="153">
      <c r="B252" s="70" t="s">
        <v>63</v>
      </c>
      <c r="C252" s="59" t="s">
        <v>359</v>
      </c>
      <c r="D252" s="60"/>
      <c r="E252" s="61"/>
      <c r="F252" s="62"/>
    </row>
    <row r="253" spans="2:6" s="2" customFormat="1" ht="38.25">
      <c r="B253" s="70" t="s">
        <v>64</v>
      </c>
      <c r="C253" s="59" t="s">
        <v>362</v>
      </c>
      <c r="D253" s="60"/>
      <c r="E253" s="61"/>
      <c r="F253" s="62"/>
    </row>
    <row r="254" spans="2:6" s="2" customFormat="1" ht="27" customHeight="1">
      <c r="B254" s="63" t="s">
        <v>363</v>
      </c>
      <c r="C254" s="64" t="s">
        <v>417</v>
      </c>
      <c r="D254" s="60"/>
      <c r="E254" s="61"/>
      <c r="F254" s="62"/>
    </row>
    <row r="255" spans="2:6" s="2" customFormat="1" ht="153">
      <c r="B255" s="70" t="s">
        <v>15</v>
      </c>
      <c r="C255" s="59" t="s">
        <v>364</v>
      </c>
      <c r="D255" s="60"/>
      <c r="E255" s="61"/>
      <c r="F255" s="62"/>
    </row>
    <row r="256" spans="2:6" s="2" customFormat="1" ht="63.75">
      <c r="B256" s="70" t="s">
        <v>53</v>
      </c>
      <c r="C256" s="59" t="s">
        <v>365</v>
      </c>
      <c r="D256" s="60"/>
      <c r="E256" s="61"/>
      <c r="F256" s="62"/>
    </row>
    <row r="257" spans="2:6" s="2" customFormat="1" ht="51">
      <c r="B257" s="70" t="s">
        <v>63</v>
      </c>
      <c r="C257" s="59" t="s">
        <v>366</v>
      </c>
      <c r="D257" s="60"/>
      <c r="E257" s="61"/>
      <c r="F257" s="62"/>
    </row>
    <row r="258" spans="2:6" s="2" customFormat="1" ht="63.75">
      <c r="B258" s="70" t="s">
        <v>64</v>
      </c>
      <c r="C258" s="59" t="s">
        <v>367</v>
      </c>
      <c r="D258" s="60"/>
      <c r="E258" s="61"/>
      <c r="F258" s="62"/>
    </row>
    <row r="259" spans="2:6" s="2" customFormat="1" ht="89.25">
      <c r="B259" s="70" t="s">
        <v>61</v>
      </c>
      <c r="C259" s="59" t="s">
        <v>368</v>
      </c>
      <c r="D259" s="60"/>
      <c r="E259" s="61"/>
      <c r="F259" s="62"/>
    </row>
    <row r="260" spans="2:6" s="2" customFormat="1" ht="27" customHeight="1">
      <c r="B260" s="63" t="s">
        <v>369</v>
      </c>
      <c r="C260" s="64" t="s">
        <v>370</v>
      </c>
      <c r="D260" s="60"/>
      <c r="E260" s="61"/>
      <c r="F260" s="62"/>
    </row>
    <row r="261" spans="2:6" s="2" customFormat="1">
      <c r="B261" s="70" t="s">
        <v>15</v>
      </c>
      <c r="C261" s="59" t="s">
        <v>371</v>
      </c>
      <c r="D261" s="60"/>
      <c r="E261" s="61"/>
      <c r="F261" s="62"/>
    </row>
    <row r="262" spans="2:6" s="2" customFormat="1" ht="25.5">
      <c r="B262" s="70" t="s">
        <v>53</v>
      </c>
      <c r="C262" s="59" t="s">
        <v>372</v>
      </c>
      <c r="D262" s="60"/>
      <c r="E262" s="61"/>
      <c r="F262" s="62"/>
    </row>
    <row r="263" spans="2:6" s="2" customFormat="1" ht="38.25">
      <c r="B263" s="70" t="s">
        <v>63</v>
      </c>
      <c r="C263" s="59" t="s">
        <v>373</v>
      </c>
      <c r="D263" s="60"/>
      <c r="E263" s="61"/>
      <c r="F263" s="62"/>
    </row>
    <row r="264" spans="2:6" s="2" customFormat="1" ht="63.75">
      <c r="B264" s="70" t="s">
        <v>64</v>
      </c>
      <c r="C264" s="59" t="s">
        <v>374</v>
      </c>
      <c r="D264" s="60"/>
      <c r="E264" s="61"/>
      <c r="F264" s="62"/>
    </row>
    <row r="265" spans="2:6" s="2" customFormat="1" ht="89.25">
      <c r="B265" s="70" t="s">
        <v>61</v>
      </c>
      <c r="C265" s="59" t="s">
        <v>375</v>
      </c>
      <c r="D265" s="60"/>
      <c r="E265" s="61"/>
      <c r="F265" s="62"/>
    </row>
    <row r="266" spans="2:6" s="2" customFormat="1" ht="25.5">
      <c r="B266" s="70" t="s">
        <v>66</v>
      </c>
      <c r="C266" s="59" t="s">
        <v>376</v>
      </c>
      <c r="D266" s="60"/>
      <c r="E266" s="61"/>
      <c r="F266" s="62"/>
    </row>
    <row r="267" spans="2:6" s="2" customFormat="1" ht="25.5">
      <c r="B267" s="70" t="s">
        <v>68</v>
      </c>
      <c r="C267" s="59" t="s">
        <v>377</v>
      </c>
      <c r="D267" s="60"/>
      <c r="E267" s="61"/>
      <c r="F267" s="62"/>
    </row>
    <row r="268" spans="2:6" s="2" customFormat="1" ht="27" customHeight="1">
      <c r="B268" s="63" t="s">
        <v>379</v>
      </c>
      <c r="C268" s="64" t="s">
        <v>378</v>
      </c>
      <c r="D268" s="60"/>
      <c r="E268" s="61"/>
      <c r="F268" s="62"/>
    </row>
    <row r="269" spans="2:6" s="2" customFormat="1" ht="89.25">
      <c r="B269" s="70" t="s">
        <v>15</v>
      </c>
      <c r="C269" s="59" t="s">
        <v>380</v>
      </c>
      <c r="D269" s="60"/>
      <c r="E269" s="61"/>
      <c r="F269" s="62"/>
    </row>
    <row r="270" spans="2:6" s="2" customFormat="1" ht="89.25">
      <c r="B270" s="70" t="s">
        <v>53</v>
      </c>
      <c r="C270" s="59" t="s">
        <v>381</v>
      </c>
      <c r="D270" s="60"/>
      <c r="E270" s="61"/>
      <c r="F270" s="62"/>
    </row>
    <row r="271" spans="2:6" s="2" customFormat="1" ht="51">
      <c r="B271" s="70" t="s">
        <v>63</v>
      </c>
      <c r="C271" s="59" t="s">
        <v>382</v>
      </c>
      <c r="D271" s="60"/>
      <c r="E271" s="61"/>
      <c r="F271" s="62"/>
    </row>
    <row r="272" spans="2:6" s="2" customFormat="1" ht="51">
      <c r="B272" s="70" t="s">
        <v>64</v>
      </c>
      <c r="C272" s="59" t="s">
        <v>383</v>
      </c>
      <c r="D272" s="60"/>
      <c r="E272" s="61"/>
      <c r="F272" s="62"/>
    </row>
    <row r="273" spans="2:6" s="2" customFormat="1" ht="89.25">
      <c r="B273" s="70" t="s">
        <v>61</v>
      </c>
      <c r="C273" s="59" t="s">
        <v>384</v>
      </c>
      <c r="D273" s="60"/>
      <c r="E273" s="61"/>
      <c r="F273" s="62"/>
    </row>
    <row r="274" spans="2:6" s="2" customFormat="1" ht="28.5" customHeight="1">
      <c r="B274" s="63" t="s">
        <v>385</v>
      </c>
      <c r="C274" s="64" t="s">
        <v>386</v>
      </c>
      <c r="D274" s="60"/>
      <c r="E274" s="61"/>
      <c r="F274" s="62"/>
    </row>
    <row r="275" spans="2:6" s="2" customFormat="1" ht="76.5">
      <c r="B275" s="70" t="s">
        <v>15</v>
      </c>
      <c r="C275" s="59" t="s">
        <v>387</v>
      </c>
      <c r="D275" s="60"/>
      <c r="E275" s="61"/>
      <c r="F275" s="62"/>
    </row>
    <row r="276" spans="2:6" s="2" customFormat="1" ht="38.25">
      <c r="B276" s="70" t="s">
        <v>53</v>
      </c>
      <c r="C276" s="59" t="s">
        <v>388</v>
      </c>
      <c r="D276" s="60"/>
      <c r="E276" s="61"/>
      <c r="F276" s="62"/>
    </row>
    <row r="277" spans="2:6" s="2" customFormat="1" ht="27" customHeight="1">
      <c r="B277" s="63" t="s">
        <v>389</v>
      </c>
      <c r="C277" s="64" t="s">
        <v>390</v>
      </c>
      <c r="D277" s="60"/>
      <c r="E277" s="61"/>
      <c r="F277" s="62"/>
    </row>
    <row r="278" spans="2:6" s="2" customFormat="1" ht="89.25">
      <c r="B278" s="70" t="s">
        <v>15</v>
      </c>
      <c r="C278" s="59" t="s">
        <v>391</v>
      </c>
      <c r="D278" s="60"/>
      <c r="E278" s="61"/>
      <c r="F278" s="62"/>
    </row>
    <row r="279" spans="2:6" s="2" customFormat="1" ht="25.5">
      <c r="B279" s="70" t="s">
        <v>53</v>
      </c>
      <c r="C279" s="59" t="s">
        <v>475</v>
      </c>
      <c r="D279" s="60"/>
      <c r="E279" s="61"/>
      <c r="F279" s="62"/>
    </row>
    <row r="280" spans="2:6" s="2" customFormat="1" ht="25.5">
      <c r="B280" s="70" t="s">
        <v>63</v>
      </c>
      <c r="C280" s="59" t="s">
        <v>392</v>
      </c>
      <c r="D280" s="60"/>
      <c r="E280" s="61"/>
      <c r="F280" s="62"/>
    </row>
    <row r="281" spans="2:6" s="2" customFormat="1" ht="27" customHeight="1">
      <c r="B281" s="63" t="s">
        <v>394</v>
      </c>
      <c r="C281" s="64" t="s">
        <v>393</v>
      </c>
      <c r="D281" s="60"/>
      <c r="E281" s="61"/>
      <c r="F281" s="62"/>
    </row>
    <row r="282" spans="2:6" s="2" customFormat="1" ht="102">
      <c r="B282" s="70" t="s">
        <v>15</v>
      </c>
      <c r="C282" s="59" t="s">
        <v>395</v>
      </c>
      <c r="D282" s="60"/>
      <c r="E282" s="61"/>
      <c r="F282" s="62"/>
    </row>
    <row r="283" spans="2:6" s="2" customFormat="1" ht="38.25">
      <c r="B283" s="70" t="s">
        <v>53</v>
      </c>
      <c r="C283" s="59" t="s">
        <v>396</v>
      </c>
      <c r="D283" s="60"/>
      <c r="E283" s="61"/>
      <c r="F283" s="62"/>
    </row>
    <row r="284" spans="2:6" s="2" customFormat="1" ht="63.75">
      <c r="B284" s="70" t="s">
        <v>63</v>
      </c>
      <c r="C284" s="59" t="s">
        <v>397</v>
      </c>
      <c r="D284" s="60"/>
      <c r="E284" s="61"/>
      <c r="F284" s="62"/>
    </row>
    <row r="285" spans="2:6" s="2" customFormat="1" ht="27" customHeight="1">
      <c r="B285" s="63" t="s">
        <v>398</v>
      </c>
      <c r="C285" s="64" t="s">
        <v>300</v>
      </c>
      <c r="D285" s="60"/>
      <c r="E285" s="61"/>
      <c r="F285" s="62"/>
    </row>
    <row r="286" spans="2:6" s="2" customFormat="1" ht="38.25">
      <c r="B286" s="70" t="s">
        <v>15</v>
      </c>
      <c r="C286" s="59" t="s">
        <v>399</v>
      </c>
      <c r="D286" s="60"/>
      <c r="E286" s="61"/>
      <c r="F286" s="62"/>
    </row>
    <row r="287" spans="2:6" s="2" customFormat="1" ht="25.5">
      <c r="B287" s="70" t="s">
        <v>53</v>
      </c>
      <c r="C287" s="59" t="s">
        <v>400</v>
      </c>
      <c r="D287" s="60"/>
      <c r="E287" s="61"/>
      <c r="F287" s="62"/>
    </row>
    <row r="288" spans="2:6" s="2" customFormat="1" ht="38.25">
      <c r="B288" s="70" t="s">
        <v>63</v>
      </c>
      <c r="C288" s="59" t="s">
        <v>401</v>
      </c>
      <c r="D288" s="60"/>
      <c r="E288" s="61"/>
      <c r="F288" s="62"/>
    </row>
    <row r="289" spans="2:6" s="2" customFormat="1" ht="38.25">
      <c r="B289" s="70" t="s">
        <v>64</v>
      </c>
      <c r="C289" s="59" t="s">
        <v>402</v>
      </c>
      <c r="D289" s="60"/>
      <c r="E289" s="61"/>
      <c r="F289" s="62"/>
    </row>
    <row r="290" spans="2:6" s="2" customFormat="1" ht="102">
      <c r="B290" s="70" t="s">
        <v>61</v>
      </c>
      <c r="C290" s="59" t="s">
        <v>403</v>
      </c>
      <c r="D290" s="60"/>
      <c r="E290" s="61"/>
      <c r="F290" s="62"/>
    </row>
    <row r="291" spans="2:6" s="2" customFormat="1" ht="63.75">
      <c r="B291" s="70" t="s">
        <v>66</v>
      </c>
      <c r="C291" s="59" t="s">
        <v>418</v>
      </c>
      <c r="D291" s="60"/>
      <c r="E291" s="61"/>
      <c r="F291" s="62"/>
    </row>
    <row r="292" spans="2:6" s="2" customFormat="1" ht="63.75">
      <c r="B292" s="70" t="s">
        <v>68</v>
      </c>
      <c r="C292" s="59" t="s">
        <v>419</v>
      </c>
      <c r="D292" s="60"/>
      <c r="E292" s="61"/>
      <c r="F292" s="62"/>
    </row>
    <row r="293" spans="2:6" s="2" customFormat="1" ht="39" customHeight="1">
      <c r="B293" s="70" t="s">
        <v>69</v>
      </c>
      <c r="C293" s="59" t="s">
        <v>404</v>
      </c>
      <c r="D293" s="60"/>
      <c r="E293" s="61"/>
      <c r="F293" s="62"/>
    </row>
    <row r="294" spans="2:6" s="2" customFormat="1" ht="39" customHeight="1">
      <c r="B294" s="57" t="s">
        <v>106</v>
      </c>
      <c r="C294" s="59" t="s">
        <v>405</v>
      </c>
      <c r="D294" s="60"/>
      <c r="E294" s="61"/>
      <c r="F294" s="62"/>
    </row>
    <row r="295" spans="2:6" s="2" customFormat="1" ht="39" customHeight="1" thickBot="1">
      <c r="B295" s="86" t="s">
        <v>339</v>
      </c>
      <c r="C295" s="59" t="s">
        <v>406</v>
      </c>
      <c r="D295" s="60"/>
      <c r="E295" s="61"/>
      <c r="F295" s="62"/>
    </row>
    <row r="296" spans="2:6" s="2" customFormat="1" ht="39" customHeight="1" thickBot="1">
      <c r="B296" s="126" t="s">
        <v>426</v>
      </c>
      <c r="C296" s="127"/>
      <c r="D296" s="71" t="s">
        <v>55</v>
      </c>
      <c r="E296" s="128"/>
      <c r="F296" s="129"/>
    </row>
    <row r="297" spans="2:6" s="2" customFormat="1" ht="38.25">
      <c r="B297" s="63" t="s">
        <v>430</v>
      </c>
      <c r="C297" s="59" t="s">
        <v>427</v>
      </c>
      <c r="D297" s="60"/>
      <c r="E297" s="61"/>
      <c r="F297" s="62"/>
    </row>
    <row r="298" spans="2:6" s="2" customFormat="1" ht="25.5">
      <c r="B298" s="63" t="s">
        <v>431</v>
      </c>
      <c r="C298" s="59" t="s">
        <v>428</v>
      </c>
      <c r="D298" s="60"/>
      <c r="E298" s="61"/>
      <c r="F298" s="62"/>
    </row>
    <row r="299" spans="2:6" s="2" customFormat="1" ht="25.5">
      <c r="B299" s="63" t="s">
        <v>432</v>
      </c>
      <c r="C299" s="59" t="s">
        <v>429</v>
      </c>
      <c r="D299" s="60"/>
      <c r="E299" s="61"/>
      <c r="F299" s="62"/>
    </row>
    <row r="300" spans="2:6" s="2" customFormat="1" ht="38.25">
      <c r="B300" s="63" t="s">
        <v>433</v>
      </c>
      <c r="C300" s="59" t="s">
        <v>434</v>
      </c>
      <c r="D300" s="60"/>
      <c r="E300" s="61"/>
      <c r="F300" s="62"/>
    </row>
    <row r="301" spans="2:6" s="2" customFormat="1" ht="25.5">
      <c r="B301" s="63" t="s">
        <v>436</v>
      </c>
      <c r="C301" s="59" t="s">
        <v>435</v>
      </c>
      <c r="D301" s="60"/>
      <c r="E301" s="61"/>
      <c r="F301" s="62"/>
    </row>
    <row r="302" spans="2:6" s="2" customFormat="1" ht="25.5">
      <c r="B302" s="63" t="s">
        <v>440</v>
      </c>
      <c r="C302" s="59" t="s">
        <v>437</v>
      </c>
      <c r="D302" s="60"/>
      <c r="E302" s="61"/>
      <c r="F302" s="62"/>
    </row>
    <row r="303" spans="2:6" s="2" customFormat="1" ht="38.25">
      <c r="B303" s="63" t="s">
        <v>441</v>
      </c>
      <c r="C303" s="59" t="s">
        <v>438</v>
      </c>
      <c r="D303" s="60"/>
      <c r="E303" s="61"/>
      <c r="F303" s="62"/>
    </row>
    <row r="304" spans="2:6" s="2" customFormat="1" ht="25.5">
      <c r="B304" s="63" t="s">
        <v>442</v>
      </c>
      <c r="C304" s="59" t="s">
        <v>439</v>
      </c>
      <c r="D304" s="60"/>
      <c r="E304" s="61"/>
      <c r="F304" s="62"/>
    </row>
    <row r="305" spans="2:7" s="2" customFormat="1" ht="25.5">
      <c r="B305" s="63" t="s">
        <v>443</v>
      </c>
      <c r="C305" s="59" t="s">
        <v>458</v>
      </c>
      <c r="D305" s="60"/>
      <c r="E305" s="61"/>
      <c r="F305" s="62"/>
    </row>
    <row r="306" spans="2:7" s="2" customFormat="1" ht="25.5">
      <c r="B306" s="63" t="s">
        <v>444</v>
      </c>
      <c r="C306" s="59" t="s">
        <v>459</v>
      </c>
      <c r="D306" s="60"/>
      <c r="E306" s="61"/>
      <c r="F306" s="62"/>
    </row>
    <row r="307" spans="2:7" s="2" customFormat="1" ht="25.5">
      <c r="B307" s="63" t="s">
        <v>445</v>
      </c>
      <c r="C307" s="59" t="s">
        <v>460</v>
      </c>
      <c r="D307" s="60"/>
      <c r="E307" s="61"/>
      <c r="F307" s="62"/>
    </row>
    <row r="308" spans="2:7" s="2" customFormat="1" ht="25.5">
      <c r="B308" s="63" t="s">
        <v>446</v>
      </c>
      <c r="C308" s="59" t="s">
        <v>461</v>
      </c>
      <c r="D308" s="60"/>
      <c r="E308" s="61"/>
      <c r="F308" s="62"/>
    </row>
    <row r="309" spans="2:7" s="2" customFormat="1" ht="25.5">
      <c r="B309" s="63" t="s">
        <v>447</v>
      </c>
      <c r="C309" s="59" t="s">
        <v>462</v>
      </c>
      <c r="D309" s="60"/>
      <c r="E309" s="61"/>
      <c r="F309" s="62"/>
    </row>
    <row r="310" spans="2:7" s="2" customFormat="1" ht="38.25">
      <c r="B310" s="63" t="s">
        <v>448</v>
      </c>
      <c r="C310" s="59" t="s">
        <v>463</v>
      </c>
      <c r="D310" s="60"/>
      <c r="E310" s="61"/>
      <c r="F310" s="62"/>
    </row>
    <row r="311" spans="2:7" s="2" customFormat="1" ht="25.5">
      <c r="B311" s="63" t="s">
        <v>449</v>
      </c>
      <c r="C311" s="59" t="s">
        <v>465</v>
      </c>
      <c r="D311" s="60"/>
      <c r="E311" s="61"/>
      <c r="F311" s="62"/>
    </row>
    <row r="312" spans="2:7" s="2" customFormat="1" ht="25.5">
      <c r="B312" s="63" t="s">
        <v>450</v>
      </c>
      <c r="C312" s="59" t="s">
        <v>464</v>
      </c>
      <c r="D312" s="60"/>
      <c r="E312" s="61"/>
      <c r="F312" s="62"/>
    </row>
    <row r="313" spans="2:7" s="2" customFormat="1">
      <c r="B313" s="63" t="s">
        <v>451</v>
      </c>
      <c r="C313" s="59" t="s">
        <v>466</v>
      </c>
      <c r="D313" s="60"/>
      <c r="E313" s="61"/>
      <c r="F313" s="62"/>
    </row>
    <row r="314" spans="2:7" s="2" customFormat="1" ht="51">
      <c r="B314" s="63" t="s">
        <v>452</v>
      </c>
      <c r="C314" s="59" t="s">
        <v>467</v>
      </c>
      <c r="D314" s="60"/>
      <c r="E314" s="61"/>
      <c r="F314" s="62"/>
    </row>
    <row r="315" spans="2:7" s="2" customFormat="1" ht="51">
      <c r="B315" s="63" t="s">
        <v>453</v>
      </c>
      <c r="C315" s="59" t="s">
        <v>468</v>
      </c>
      <c r="D315" s="60"/>
      <c r="E315" s="61"/>
      <c r="F315" s="62"/>
    </row>
    <row r="316" spans="2:7" s="2" customFormat="1" ht="25.5">
      <c r="B316" s="63" t="s">
        <v>454</v>
      </c>
      <c r="C316" s="59" t="s">
        <v>469</v>
      </c>
      <c r="D316" s="60"/>
      <c r="E316" s="61"/>
      <c r="F316" s="62"/>
    </row>
    <row r="317" spans="2:7" s="2" customFormat="1" ht="25.5">
      <c r="B317" s="63" t="s">
        <v>455</v>
      </c>
      <c r="C317" s="59" t="s">
        <v>470</v>
      </c>
      <c r="D317" s="60"/>
      <c r="E317" s="61"/>
      <c r="F317" s="62"/>
    </row>
    <row r="318" spans="2:7" s="2" customFormat="1" ht="25.5">
      <c r="B318" s="63" t="s">
        <v>456</v>
      </c>
      <c r="C318" s="59" t="s">
        <v>471</v>
      </c>
      <c r="D318" s="60"/>
      <c r="E318" s="61"/>
      <c r="F318" s="62"/>
    </row>
    <row r="319" spans="2:7" s="2" customFormat="1" ht="77.25" thickBot="1">
      <c r="B319" s="96" t="s">
        <v>457</v>
      </c>
      <c r="C319" s="53" t="s">
        <v>472</v>
      </c>
      <c r="D319" s="51"/>
      <c r="E319" s="122"/>
      <c r="F319" s="123"/>
    </row>
    <row r="320" spans="2:7" s="3" customFormat="1" ht="5.0999999999999996" customHeight="1">
      <c r="B320" s="5"/>
      <c r="C320" s="5"/>
      <c r="D320" s="7"/>
      <c r="E320" s="7"/>
      <c r="F320" s="25"/>
      <c r="G320" s="2"/>
    </row>
    <row r="321" spans="2:7" s="2" customFormat="1" ht="20.100000000000001" customHeight="1">
      <c r="B321" s="117" t="s">
        <v>50</v>
      </c>
      <c r="C321" s="117"/>
      <c r="D321" s="117"/>
      <c r="E321" s="117"/>
      <c r="F321" s="117"/>
    </row>
    <row r="322" spans="2:7" s="2" customFormat="1" ht="4.5" customHeight="1" thickBot="1"/>
    <row r="323" spans="2:7" s="2" customFormat="1" ht="80.25" customHeight="1">
      <c r="B323" s="118" t="s">
        <v>51</v>
      </c>
      <c r="C323" s="119"/>
      <c r="D323" s="99" t="s">
        <v>52</v>
      </c>
      <c r="E323" s="100"/>
      <c r="F323" s="101"/>
    </row>
    <row r="324" spans="2:7" s="3" customFormat="1" ht="29.25" customHeight="1" thickBot="1">
      <c r="B324" s="120"/>
      <c r="C324" s="121"/>
      <c r="D324" s="23" t="s">
        <v>6</v>
      </c>
      <c r="E324" s="102" t="s">
        <v>30</v>
      </c>
      <c r="F324" s="103"/>
      <c r="G324" s="2"/>
    </row>
    <row r="325" spans="2:7" s="3" customFormat="1" ht="30.75" customHeight="1" thickBot="1">
      <c r="B325" s="48" t="s">
        <v>15</v>
      </c>
      <c r="C325" s="53" t="s">
        <v>420</v>
      </c>
      <c r="D325" s="49" t="s">
        <v>55</v>
      </c>
      <c r="E325" s="122"/>
      <c r="F325" s="123"/>
      <c r="G325" s="2"/>
    </row>
    <row r="326" spans="2:7" s="2" customFormat="1" ht="5.0999999999999996" customHeight="1">
      <c r="B326" s="5"/>
      <c r="C326" s="5"/>
      <c r="D326" s="7"/>
      <c r="E326" s="7"/>
      <c r="F326" s="25"/>
    </row>
    <row r="327" spans="2:7" s="2" customFormat="1" ht="20.100000000000001" customHeight="1">
      <c r="B327" s="117" t="s">
        <v>14</v>
      </c>
      <c r="C327" s="117"/>
      <c r="D327" s="117"/>
      <c r="E327" s="117"/>
      <c r="F327" s="117"/>
    </row>
    <row r="328" spans="2:7" s="3" customFormat="1" ht="22.5" customHeight="1">
      <c r="B328" s="5" t="s">
        <v>16</v>
      </c>
      <c r="C328" s="136" t="s">
        <v>421</v>
      </c>
      <c r="D328" s="136"/>
      <c r="E328" s="136"/>
      <c r="F328" s="136"/>
      <c r="G328" s="2"/>
    </row>
    <row r="329" spans="2:7" s="28" customFormat="1" ht="21" customHeight="1">
      <c r="B329" s="137" t="s">
        <v>31</v>
      </c>
      <c r="C329" s="137"/>
      <c r="D329" s="137"/>
      <c r="E329" s="137"/>
      <c r="F329" s="3"/>
      <c r="G329" s="2"/>
    </row>
    <row r="330" spans="2:7" s="2" customFormat="1" ht="24.95" customHeight="1">
      <c r="B330" s="27" t="s">
        <v>32</v>
      </c>
      <c r="C330" s="134"/>
      <c r="D330" s="134"/>
      <c r="F330" s="28"/>
    </row>
    <row r="331" spans="2:7" s="2" customFormat="1" ht="24.95" customHeight="1">
      <c r="B331" s="27" t="s">
        <v>33</v>
      </c>
      <c r="C331" s="134"/>
      <c r="D331" s="134"/>
      <c r="F331" s="28"/>
    </row>
    <row r="332" spans="2:7" s="2" customFormat="1" ht="24.95" customHeight="1">
      <c r="B332" s="27" t="s">
        <v>34</v>
      </c>
      <c r="C332" s="134"/>
      <c r="D332" s="134"/>
      <c r="F332" s="28"/>
    </row>
    <row r="333" spans="2:7" s="3" customFormat="1" ht="24.95" customHeight="1">
      <c r="B333" s="27" t="s">
        <v>35</v>
      </c>
      <c r="C333" s="134"/>
      <c r="D333" s="134"/>
      <c r="E333" s="2"/>
      <c r="F333" s="29"/>
      <c r="G333" s="2"/>
    </row>
    <row r="334" spans="2:7" s="2" customFormat="1" ht="14.25" customHeight="1">
      <c r="B334" s="11"/>
      <c r="C334" s="12"/>
      <c r="D334" s="12"/>
      <c r="F334" s="30"/>
    </row>
    <row r="335" spans="2:7" s="3" customFormat="1" ht="15" customHeight="1">
      <c r="B335" s="138" t="s">
        <v>36</v>
      </c>
      <c r="C335" s="138"/>
      <c r="D335" s="138"/>
      <c r="E335" s="138"/>
      <c r="F335" s="138"/>
    </row>
    <row r="336" spans="2:7" s="2" customFormat="1" ht="36.75" customHeight="1">
      <c r="B336" s="135" t="s">
        <v>47</v>
      </c>
      <c r="C336" s="135"/>
      <c r="D336" s="135"/>
      <c r="E336" s="135"/>
      <c r="F336" s="135"/>
    </row>
    <row r="337" spans="2:6" s="2" customFormat="1" ht="12" customHeight="1">
      <c r="B337" s="1"/>
      <c r="C337" s="1"/>
      <c r="D337" s="8"/>
      <c r="E337" s="8"/>
    </row>
    <row r="338" spans="2:6" s="3" customFormat="1" ht="4.5" customHeight="1">
      <c r="B338" s="1"/>
      <c r="C338" s="1"/>
      <c r="D338" s="8"/>
      <c r="E338" s="8"/>
      <c r="F338" s="2"/>
    </row>
    <row r="339" spans="2:6" s="3" customFormat="1" ht="20.100000000000001" customHeight="1">
      <c r="B339" s="31" t="s">
        <v>37</v>
      </c>
      <c r="C339" s="32"/>
      <c r="D339" s="33" t="s">
        <v>38</v>
      </c>
      <c r="E339" s="132"/>
      <c r="F339" s="132"/>
    </row>
    <row r="340" spans="2:6" s="3" customFormat="1" ht="20.100000000000001" customHeight="1">
      <c r="B340" s="34"/>
      <c r="C340" s="34"/>
      <c r="D340" s="34"/>
      <c r="E340" s="35"/>
      <c r="F340" s="35"/>
    </row>
    <row r="341" spans="2:6" ht="20.100000000000001" customHeight="1">
      <c r="B341" s="31" t="s">
        <v>39</v>
      </c>
      <c r="C341" s="32"/>
      <c r="D341" s="36" t="s">
        <v>40</v>
      </c>
      <c r="E341" s="133"/>
      <c r="F341" s="133"/>
    </row>
    <row r="342" spans="2:6" s="2" customFormat="1" ht="20.100000000000001" customHeight="1">
      <c r="B342" s="1"/>
      <c r="C342" s="1"/>
      <c r="D342" s="36" t="s">
        <v>41</v>
      </c>
      <c r="E342" s="134"/>
      <c r="F342" s="134"/>
    </row>
    <row r="343" spans="2:6" s="2" customFormat="1" ht="20.100000000000001" customHeight="1">
      <c r="B343" s="1"/>
      <c r="C343" s="1"/>
      <c r="D343" s="37" t="s">
        <v>42</v>
      </c>
      <c r="E343" s="1"/>
    </row>
    <row r="344" spans="2:6" s="2" customFormat="1" ht="37.5" customHeight="1"/>
    <row r="345" spans="2:6" s="2" customFormat="1" ht="24" customHeight="1"/>
    <row r="346" spans="2:6" s="2" customFormat="1" ht="24" customHeight="1"/>
    <row r="347" spans="2:6" s="2" customFormat="1" ht="24" customHeight="1"/>
    <row r="348" spans="2:6" s="2" customFormat="1" ht="20.100000000000001" customHeight="1"/>
    <row r="349" spans="2:6" s="2" customFormat="1" ht="20.100000000000001" customHeight="1"/>
    <row r="350" spans="2:6" s="2" customFormat="1" ht="50.1" customHeight="1"/>
    <row r="351" spans="2:6" s="2" customFormat="1" ht="43.5" customHeight="1"/>
    <row r="352" spans="2:6" ht="24.75" customHeight="1">
      <c r="B352" s="2"/>
      <c r="C352" s="2"/>
      <c r="D352" s="2"/>
      <c r="E352" s="2"/>
    </row>
    <row r="353" spans="2:5">
      <c r="B353" s="2"/>
      <c r="C353" s="2"/>
      <c r="D353" s="2"/>
      <c r="E353" s="2"/>
    </row>
    <row r="354" spans="2:5" ht="20.100000000000001" customHeight="1"/>
    <row r="355" spans="2:5" ht="4.5" customHeight="1"/>
    <row r="356" spans="2:5" ht="20.100000000000001" customHeight="1"/>
    <row r="357" spans="2:5" ht="20.100000000000001" customHeight="1"/>
    <row r="358" spans="2:5" ht="20.100000000000001" customHeight="1"/>
  </sheetData>
  <mergeCells count="87">
    <mergeCell ref="E92:F92"/>
    <mergeCell ref="B81:F81"/>
    <mergeCell ref="B296:C296"/>
    <mergeCell ref="E296:F296"/>
    <mergeCell ref="E106:F106"/>
    <mergeCell ref="E98:F98"/>
    <mergeCell ref="E99:F99"/>
    <mergeCell ref="E100:F100"/>
    <mergeCell ref="B135:C135"/>
    <mergeCell ref="E135:F135"/>
    <mergeCell ref="E101:F101"/>
    <mergeCell ref="E102:F102"/>
    <mergeCell ref="E103:F103"/>
    <mergeCell ref="E104:F104"/>
    <mergeCell ref="E105:F105"/>
    <mergeCell ref="E87:F87"/>
    <mergeCell ref="E88:F88"/>
    <mergeCell ref="E89:F89"/>
    <mergeCell ref="E90:F90"/>
    <mergeCell ref="E91:F91"/>
    <mergeCell ref="E9:F9"/>
    <mergeCell ref="B13:D13"/>
    <mergeCell ref="E95:F95"/>
    <mergeCell ref="E108:F108"/>
    <mergeCell ref="E109:F109"/>
    <mergeCell ref="E96:F96"/>
    <mergeCell ref="E97:F97"/>
    <mergeCell ref="E93:F93"/>
    <mergeCell ref="E94:F94"/>
    <mergeCell ref="B41:B45"/>
    <mergeCell ref="B46:B56"/>
    <mergeCell ref="B57:B62"/>
    <mergeCell ref="B68:B74"/>
    <mergeCell ref="E85:F85"/>
    <mergeCell ref="B85:C85"/>
    <mergeCell ref="E86:F86"/>
    <mergeCell ref="E325:F325"/>
    <mergeCell ref="B321:F321"/>
    <mergeCell ref="B2:F2"/>
    <mergeCell ref="B1:F1"/>
    <mergeCell ref="B23:C23"/>
    <mergeCell ref="B26:C26"/>
    <mergeCell ref="B21:F21"/>
    <mergeCell ref="B16:D16"/>
    <mergeCell ref="B17:D17"/>
    <mergeCell ref="B18:F18"/>
    <mergeCell ref="B3:F3"/>
    <mergeCell ref="B7:F7"/>
    <mergeCell ref="B8:F8"/>
    <mergeCell ref="B11:F11"/>
    <mergeCell ref="B12:D12"/>
    <mergeCell ref="B9:D9"/>
    <mergeCell ref="E339:F339"/>
    <mergeCell ref="E341:F341"/>
    <mergeCell ref="E342:F342"/>
    <mergeCell ref="B336:F336"/>
    <mergeCell ref="B327:F327"/>
    <mergeCell ref="C328:F328"/>
    <mergeCell ref="B329:E329"/>
    <mergeCell ref="B335:F335"/>
    <mergeCell ref="C330:D330"/>
    <mergeCell ref="C331:D331"/>
    <mergeCell ref="C332:D332"/>
    <mergeCell ref="C333:D333"/>
    <mergeCell ref="B323:C324"/>
    <mergeCell ref="D323:F323"/>
    <mergeCell ref="E324:F324"/>
    <mergeCell ref="E319:F319"/>
    <mergeCell ref="E107:F107"/>
    <mergeCell ref="B216:C216"/>
    <mergeCell ref="E216:F216"/>
    <mergeCell ref="E112:F112"/>
    <mergeCell ref="B19:F19"/>
    <mergeCell ref="B20:D20"/>
    <mergeCell ref="D83:F83"/>
    <mergeCell ref="E84:F84"/>
    <mergeCell ref="B38:F38"/>
    <mergeCell ref="D36:F36"/>
    <mergeCell ref="E37:F37"/>
    <mergeCell ref="B22:F22"/>
    <mergeCell ref="C27:D27"/>
    <mergeCell ref="B30:C30"/>
    <mergeCell ref="E39:F39"/>
    <mergeCell ref="B34:F34"/>
    <mergeCell ref="B36:C37"/>
    <mergeCell ref="B83:C84"/>
    <mergeCell ref="C28:D28"/>
  </mergeCells>
  <conditionalFormatting sqref="D136:D215 D217:D295 D86:D134 D297:D319">
    <cfRule type="containsBlanks" dxfId="15" priority="123">
      <formula>LEN(TRIM(D86))=0</formula>
    </cfRule>
  </conditionalFormatting>
  <conditionalFormatting sqref="E341:F341">
    <cfRule type="containsBlanks" dxfId="14" priority="122">
      <formula>LEN(TRIM(E341))=0</formula>
    </cfRule>
  </conditionalFormatting>
  <conditionalFormatting sqref="C339">
    <cfRule type="containsBlanks" dxfId="13" priority="120">
      <formula>LEN(TRIM(C339))=0</formula>
    </cfRule>
  </conditionalFormatting>
  <conditionalFormatting sqref="E342:F342">
    <cfRule type="containsBlanks" dxfId="12" priority="121">
      <formula>LEN(TRIM(E342))=0</formula>
    </cfRule>
  </conditionalFormatting>
  <conditionalFormatting sqref="C341">
    <cfRule type="containsBlanks" dxfId="11" priority="119">
      <formula>LEN(TRIM(C341))=0</formula>
    </cfRule>
  </conditionalFormatting>
  <conditionalFormatting sqref="C4:C5">
    <cfRule type="containsBlanks" dxfId="10" priority="118">
      <formula>LEN(TRIM(C4))=0</formula>
    </cfRule>
  </conditionalFormatting>
  <conditionalFormatting sqref="C332:D332">
    <cfRule type="containsBlanks" dxfId="9" priority="108">
      <formula>LEN(TRIM(C332))=0</formula>
    </cfRule>
  </conditionalFormatting>
  <conditionalFormatting sqref="C331:D331">
    <cfRule type="containsBlanks" dxfId="8" priority="59">
      <formula>LEN(TRIM(C331))=0</formula>
    </cfRule>
  </conditionalFormatting>
  <conditionalFormatting sqref="C330:D330">
    <cfRule type="containsBlanks" dxfId="7" priority="58">
      <formula>LEN(TRIM(C330))=0</formula>
    </cfRule>
  </conditionalFormatting>
  <conditionalFormatting sqref="C333:D333">
    <cfRule type="containsBlanks" dxfId="6" priority="57">
      <formula>LEN(TRIM(C333))=0</formula>
    </cfRule>
  </conditionalFormatting>
  <conditionalFormatting sqref="D325">
    <cfRule type="containsBlanks" dxfId="5" priority="50">
      <formula>LEN(TRIM(D325))=0</formula>
    </cfRule>
  </conditionalFormatting>
  <conditionalFormatting sqref="D85">
    <cfRule type="containsBlanks" dxfId="4" priority="6">
      <formula>LEN(TRIM(D85))=0</formula>
    </cfRule>
  </conditionalFormatting>
  <conditionalFormatting sqref="D135">
    <cfRule type="containsBlanks" dxfId="3" priority="5">
      <formula>LEN(TRIM(D135))=0</formula>
    </cfRule>
  </conditionalFormatting>
  <conditionalFormatting sqref="D39:D79">
    <cfRule type="containsBlanks" dxfId="2" priority="3">
      <formula>LEN(TRIM(D39))=0</formula>
    </cfRule>
  </conditionalFormatting>
  <conditionalFormatting sqref="D216">
    <cfRule type="containsBlanks" dxfId="1" priority="2">
      <formula>LEN(TRIM(D216))=0</formula>
    </cfRule>
  </conditionalFormatting>
  <conditionalFormatting sqref="D296">
    <cfRule type="containsBlanks" dxfId="0" priority="1">
      <formula>LEN(TRIM(D296))=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1" manualBreakCount="11">
    <brk id="45" min="1" max="5" man="1"/>
    <brk id="74" min="1" max="5" man="1"/>
    <brk id="112" min="1" max="5" man="1"/>
    <brk id="134" min="1" max="5" man="1"/>
    <brk id="151" min="1" max="5" man="1"/>
    <brk id="166" min="1" max="5" man="1"/>
    <brk id="188" min="1" max="5" man="1"/>
    <brk id="226" min="1" max="5" man="1"/>
    <brk id="239" min="1" max="5" man="1"/>
    <brk id="248" min="1" max="5" man="1"/>
    <brk id="265"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1-12-01T12:25:00Z</cp:lastPrinted>
  <dcterms:created xsi:type="dcterms:W3CDTF">2017-04-21T05:51:15Z</dcterms:created>
  <dcterms:modified xsi:type="dcterms:W3CDTF">2021-12-01T13:13:23Z</dcterms:modified>
</cp:coreProperties>
</file>